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15" windowWidth="10200" windowHeight="8070" tabRatio="868"/>
  </bookViews>
  <sheets>
    <sheet name="16(2)" sheetId="177" r:id="rId1"/>
  </sheets>
  <definedNames>
    <definedName name="_xlnm.Print_Area" localSheetId="0">'16(2)'!$A$1:$J$85</definedName>
  </definedNames>
  <calcPr calcId="162913"/>
</workbook>
</file>

<file path=xl/sharedStrings.xml><?xml version="1.0" encoding="utf-8"?>
<sst xmlns="http://schemas.openxmlformats.org/spreadsheetml/2006/main" count="269" uniqueCount="98">
  <si>
    <t>市町村</t>
    <rPh sb="0" eb="3">
      <t>シチョウソン</t>
    </rPh>
    <phoneticPr fontId="1"/>
  </si>
  <si>
    <t>（管内計）</t>
    <rPh sb="1" eb="3">
      <t>カンナイ</t>
    </rPh>
    <rPh sb="3" eb="4">
      <t>ケイ</t>
    </rPh>
    <phoneticPr fontId="1"/>
  </si>
  <si>
    <t>旧市町村</t>
    <rPh sb="0" eb="1">
      <t>キュウ</t>
    </rPh>
    <rPh sb="1" eb="4">
      <t>シチョウソン</t>
    </rPh>
    <phoneticPr fontId="1"/>
  </si>
  <si>
    <t>計</t>
    <rPh sb="0" eb="1">
      <t>ケイ</t>
    </rPh>
    <phoneticPr fontId="1"/>
  </si>
  <si>
    <t>計画区</t>
  </si>
  <si>
    <t>計</t>
    <rPh sb="0" eb="1">
      <t>ケイ</t>
    </rPh>
    <phoneticPr fontId="3"/>
  </si>
  <si>
    <t>旭</t>
    <rPh sb="0" eb="1">
      <t>アサヒ</t>
    </rPh>
    <phoneticPr fontId="3"/>
  </si>
  <si>
    <t>津和野</t>
    <rPh sb="0" eb="3">
      <t>ツワノ</t>
    </rPh>
    <phoneticPr fontId="3"/>
  </si>
  <si>
    <t>木材等生産機能
維持増進森林</t>
    <rPh sb="0" eb="2">
      <t>モクザイ</t>
    </rPh>
    <rPh sb="2" eb="3">
      <t>トウ</t>
    </rPh>
    <rPh sb="3" eb="5">
      <t>セイサン</t>
    </rPh>
    <rPh sb="5" eb="7">
      <t>キノウ</t>
    </rPh>
    <rPh sb="8" eb="10">
      <t>イジ</t>
    </rPh>
    <rPh sb="10" eb="12">
      <t>ゾウシン</t>
    </rPh>
    <rPh sb="12" eb="14">
      <t>シンリン</t>
    </rPh>
    <phoneticPr fontId="1"/>
  </si>
  <si>
    <t>水源涵養機能
維持増進森林</t>
    <rPh sb="0" eb="2">
      <t>スイゲン</t>
    </rPh>
    <rPh sb="2" eb="4">
      <t>カンヨウ</t>
    </rPh>
    <rPh sb="4" eb="6">
      <t>キノウ</t>
    </rPh>
    <phoneticPr fontId="1"/>
  </si>
  <si>
    <t>山地災害防止/土壌保全
機能維持増進森林</t>
    <rPh sb="0" eb="2">
      <t>サンチ</t>
    </rPh>
    <rPh sb="2" eb="4">
      <t>サイガイ</t>
    </rPh>
    <rPh sb="4" eb="6">
      <t>ボウシ</t>
    </rPh>
    <rPh sb="7" eb="9">
      <t>ドジョウ</t>
    </rPh>
    <rPh sb="9" eb="11">
      <t>ホゼン</t>
    </rPh>
    <phoneticPr fontId="1"/>
  </si>
  <si>
    <t>保健機能
維持増進森林</t>
    <rPh sb="0" eb="2">
      <t>ホケン</t>
    </rPh>
    <rPh sb="2" eb="4">
      <t>キノウ</t>
    </rPh>
    <rPh sb="5" eb="7">
      <t>イジ</t>
    </rPh>
    <rPh sb="7" eb="9">
      <t>ゾウシン</t>
    </rPh>
    <rPh sb="9" eb="11">
      <t>シンリン</t>
    </rPh>
    <phoneticPr fontId="1"/>
  </si>
  <si>
    <t>公益的機能別施業森林</t>
    <rPh sb="0" eb="3">
      <t>コウエキテキ</t>
    </rPh>
    <rPh sb="3" eb="5">
      <t>キノウ</t>
    </rPh>
    <rPh sb="5" eb="6">
      <t>ベツ</t>
    </rPh>
    <rPh sb="6" eb="8">
      <t>セギョウ</t>
    </rPh>
    <rPh sb="8" eb="10">
      <t>シンリン</t>
    </rPh>
    <phoneticPr fontId="1"/>
  </si>
  <si>
    <t>羽須美</t>
    <rPh sb="0" eb="3">
      <t>ハスミ</t>
    </rPh>
    <phoneticPr fontId="3"/>
  </si>
  <si>
    <t>温泉津</t>
    <rPh sb="0" eb="3">
      <t>ユノツ</t>
    </rPh>
    <phoneticPr fontId="3"/>
  </si>
  <si>
    <t>美保関</t>
    <rPh sb="0" eb="3">
      <t>ミホノセキ</t>
    </rPh>
    <phoneticPr fontId="3"/>
  </si>
  <si>
    <t>東出雲</t>
    <rPh sb="0" eb="3">
      <t>ヒガシイズモ</t>
    </rPh>
    <phoneticPr fontId="3"/>
  </si>
  <si>
    <t>三刀屋</t>
    <rPh sb="0" eb="3">
      <t>ミトヤ</t>
    </rPh>
    <phoneticPr fontId="3"/>
  </si>
  <si>
    <t>西ノ島</t>
    <rPh sb="0" eb="3">
      <t>ニシノシマ</t>
    </rPh>
    <phoneticPr fontId="3"/>
  </si>
  <si>
    <t>六日市</t>
    <rPh sb="0" eb="3">
      <t>ムイカイチ</t>
    </rPh>
    <phoneticPr fontId="3"/>
  </si>
  <si>
    <t>地域森林計画
対象民有林</t>
    <rPh sb="0" eb="2">
      <t>チイキ</t>
    </rPh>
    <rPh sb="2" eb="4">
      <t>シンリン</t>
    </rPh>
    <rPh sb="4" eb="6">
      <t>ケイカク</t>
    </rPh>
    <rPh sb="7" eb="9">
      <t>タイショウ</t>
    </rPh>
    <rPh sb="9" eb="12">
      <t>ミンユウリン</t>
    </rPh>
    <phoneticPr fontId="1"/>
  </si>
  <si>
    <t>快適環境形成機能
維持増進森林</t>
    <rPh sb="0" eb="2">
      <t>カイテキ</t>
    </rPh>
    <rPh sb="2" eb="4">
      <t>カンキョウ</t>
    </rPh>
    <rPh sb="4" eb="6">
      <t>ケイセイ</t>
    </rPh>
    <phoneticPr fontId="1"/>
  </si>
  <si>
    <t>江の川下流</t>
    <rPh sb="0" eb="1">
      <t>ゴウ</t>
    </rPh>
    <rPh sb="2" eb="3">
      <t>カワ</t>
    </rPh>
    <rPh sb="3" eb="5">
      <t>カリュウ</t>
    </rPh>
    <phoneticPr fontId="3"/>
  </si>
  <si>
    <t>斐伊川</t>
    <rPh sb="0" eb="3">
      <t>ヒイカワ</t>
    </rPh>
    <phoneticPr fontId="3"/>
  </si>
  <si>
    <t>隠岐</t>
    <rPh sb="0" eb="2">
      <t>オキ</t>
    </rPh>
    <phoneticPr fontId="3"/>
  </si>
  <si>
    <t>高津川</t>
    <rPh sb="0" eb="2">
      <t>タカツ</t>
    </rPh>
    <rPh sb="2" eb="3">
      <t>ガワ</t>
    </rPh>
    <phoneticPr fontId="3"/>
  </si>
  <si>
    <t>川本町</t>
    <rPh sb="0" eb="2">
      <t>カワモト</t>
    </rPh>
    <rPh sb="2" eb="3">
      <t>チョウ</t>
    </rPh>
    <phoneticPr fontId="3"/>
  </si>
  <si>
    <t>美郷町</t>
    <rPh sb="0" eb="3">
      <t>ミサトチョウ</t>
    </rPh>
    <phoneticPr fontId="3"/>
  </si>
  <si>
    <t>邑南町</t>
    <rPh sb="0" eb="1">
      <t>オウ</t>
    </rPh>
    <rPh sb="1" eb="3">
      <t>ナンチョウ</t>
    </rPh>
    <phoneticPr fontId="3"/>
  </si>
  <si>
    <t>邑南町</t>
    <rPh sb="0" eb="3">
      <t>オオナンチョウ</t>
    </rPh>
    <phoneticPr fontId="3"/>
  </si>
  <si>
    <t>大田市</t>
    <rPh sb="0" eb="3">
      <t>オオダシ</t>
    </rPh>
    <phoneticPr fontId="3"/>
  </si>
  <si>
    <t>浜田市</t>
    <rPh sb="0" eb="3">
      <t>ハマダシ</t>
    </rPh>
    <phoneticPr fontId="3"/>
  </si>
  <si>
    <t>浜田</t>
    <rPh sb="0" eb="2">
      <t>ハマダ</t>
    </rPh>
    <phoneticPr fontId="3"/>
  </si>
  <si>
    <t>金城</t>
    <rPh sb="0" eb="2">
      <t>カネシロ</t>
    </rPh>
    <phoneticPr fontId="3"/>
  </si>
  <si>
    <t>弥栄</t>
    <rPh sb="0" eb="2">
      <t>ヤサカ</t>
    </rPh>
    <phoneticPr fontId="3"/>
  </si>
  <si>
    <t>三隅</t>
    <rPh sb="0" eb="2">
      <t>ミスミ</t>
    </rPh>
    <phoneticPr fontId="3"/>
  </si>
  <si>
    <t>江津市</t>
    <rPh sb="0" eb="3">
      <t>ゴウツシ</t>
    </rPh>
    <phoneticPr fontId="3"/>
  </si>
  <si>
    <t>江津</t>
    <rPh sb="0" eb="2">
      <t>ゴウツ</t>
    </rPh>
    <phoneticPr fontId="3"/>
  </si>
  <si>
    <t>桜江</t>
    <rPh sb="0" eb="2">
      <t>サクラエ</t>
    </rPh>
    <phoneticPr fontId="3"/>
  </si>
  <si>
    <t>（管内計）</t>
    <rPh sb="1" eb="3">
      <t>カンナイ</t>
    </rPh>
    <rPh sb="3" eb="4">
      <t>ケイ</t>
    </rPh>
    <phoneticPr fontId="3"/>
  </si>
  <si>
    <t>川本</t>
    <rPh sb="0" eb="2">
      <t>カワモト</t>
    </rPh>
    <phoneticPr fontId="3"/>
  </si>
  <si>
    <t>邑智</t>
    <rPh sb="0" eb="2">
      <t>オオチ</t>
    </rPh>
    <phoneticPr fontId="3"/>
  </si>
  <si>
    <t>大和</t>
    <rPh sb="0" eb="2">
      <t>ヤマト</t>
    </rPh>
    <phoneticPr fontId="3"/>
  </si>
  <si>
    <t>瑞穂</t>
    <rPh sb="0" eb="2">
      <t>ミズホ</t>
    </rPh>
    <phoneticPr fontId="3"/>
  </si>
  <si>
    <t>石見</t>
    <rPh sb="0" eb="2">
      <t>イワミ</t>
    </rPh>
    <phoneticPr fontId="3"/>
  </si>
  <si>
    <t>大田</t>
    <rPh sb="0" eb="2">
      <t>オオダ</t>
    </rPh>
    <phoneticPr fontId="3"/>
  </si>
  <si>
    <t>仁摩</t>
    <rPh sb="0" eb="2">
      <t>ニマ</t>
    </rPh>
    <phoneticPr fontId="3"/>
  </si>
  <si>
    <t>松江市</t>
    <rPh sb="0" eb="3">
      <t>マツエシ</t>
    </rPh>
    <phoneticPr fontId="3"/>
  </si>
  <si>
    <t>松江</t>
    <rPh sb="0" eb="2">
      <t>マツエ</t>
    </rPh>
    <phoneticPr fontId="3"/>
  </si>
  <si>
    <t>鹿島</t>
    <rPh sb="0" eb="2">
      <t>カシマ</t>
    </rPh>
    <phoneticPr fontId="3"/>
  </si>
  <si>
    <t>島根</t>
    <rPh sb="0" eb="2">
      <t>シマネ</t>
    </rPh>
    <phoneticPr fontId="3"/>
  </si>
  <si>
    <t>八雲</t>
    <rPh sb="0" eb="2">
      <t>ヤクモ</t>
    </rPh>
    <phoneticPr fontId="3"/>
  </si>
  <si>
    <t>玉湯</t>
    <rPh sb="0" eb="2">
      <t>タマユ</t>
    </rPh>
    <phoneticPr fontId="3"/>
  </si>
  <si>
    <t>宍道</t>
    <rPh sb="0" eb="2">
      <t>シンジ</t>
    </rPh>
    <phoneticPr fontId="3"/>
  </si>
  <si>
    <t>八束</t>
    <rPh sb="0" eb="2">
      <t>ヤツカ</t>
    </rPh>
    <phoneticPr fontId="3"/>
  </si>
  <si>
    <t>安来市</t>
    <rPh sb="0" eb="3">
      <t>ヤスギシ</t>
    </rPh>
    <phoneticPr fontId="3"/>
  </si>
  <si>
    <t>安来</t>
    <rPh sb="0" eb="2">
      <t>ヤスギ</t>
    </rPh>
    <phoneticPr fontId="3"/>
  </si>
  <si>
    <t>広瀬</t>
    <rPh sb="0" eb="2">
      <t>ヒロセ</t>
    </rPh>
    <phoneticPr fontId="3"/>
  </si>
  <si>
    <t>伯太</t>
    <rPh sb="0" eb="2">
      <t>ハクタ</t>
    </rPh>
    <phoneticPr fontId="3"/>
  </si>
  <si>
    <t>雲南市</t>
    <rPh sb="0" eb="2">
      <t>ウンナン</t>
    </rPh>
    <rPh sb="2" eb="3">
      <t>シ</t>
    </rPh>
    <phoneticPr fontId="3"/>
  </si>
  <si>
    <t>大東</t>
    <rPh sb="0" eb="2">
      <t>ダイトウ</t>
    </rPh>
    <phoneticPr fontId="3"/>
  </si>
  <si>
    <t>加茂</t>
    <rPh sb="0" eb="2">
      <t>カモ</t>
    </rPh>
    <phoneticPr fontId="3"/>
  </si>
  <si>
    <t>木次</t>
    <rPh sb="0" eb="1">
      <t>キ</t>
    </rPh>
    <rPh sb="1" eb="2">
      <t>ツギ</t>
    </rPh>
    <phoneticPr fontId="3"/>
  </si>
  <si>
    <t>吉田</t>
    <rPh sb="0" eb="2">
      <t>ヨシダ</t>
    </rPh>
    <phoneticPr fontId="3"/>
  </si>
  <si>
    <t>掛合</t>
    <rPh sb="0" eb="2">
      <t>カケヤ</t>
    </rPh>
    <phoneticPr fontId="3"/>
  </si>
  <si>
    <t>奥出雲町</t>
    <rPh sb="0" eb="1">
      <t>オク</t>
    </rPh>
    <rPh sb="1" eb="4">
      <t>イズモチョウ</t>
    </rPh>
    <phoneticPr fontId="3"/>
  </si>
  <si>
    <t>仁多</t>
    <rPh sb="0" eb="2">
      <t>ニタ</t>
    </rPh>
    <phoneticPr fontId="3"/>
  </si>
  <si>
    <t>横田</t>
    <rPh sb="0" eb="2">
      <t>ヨコタ</t>
    </rPh>
    <phoneticPr fontId="3"/>
  </si>
  <si>
    <t>飯南町</t>
    <rPh sb="0" eb="3">
      <t>イイナンチョウ</t>
    </rPh>
    <phoneticPr fontId="3"/>
  </si>
  <si>
    <t>頓原</t>
    <rPh sb="0" eb="2">
      <t>トンバラ</t>
    </rPh>
    <phoneticPr fontId="3"/>
  </si>
  <si>
    <t>赤来</t>
    <rPh sb="0" eb="2">
      <t>アカギ</t>
    </rPh>
    <phoneticPr fontId="3"/>
  </si>
  <si>
    <t>出雲市</t>
    <rPh sb="0" eb="3">
      <t>イズモシ</t>
    </rPh>
    <phoneticPr fontId="3"/>
  </si>
  <si>
    <t>出雲</t>
    <rPh sb="0" eb="2">
      <t>イズモ</t>
    </rPh>
    <phoneticPr fontId="3"/>
  </si>
  <si>
    <t>平田</t>
    <rPh sb="0" eb="2">
      <t>ヒラタ</t>
    </rPh>
    <phoneticPr fontId="3"/>
  </si>
  <si>
    <t>佐田</t>
    <rPh sb="0" eb="2">
      <t>サダ</t>
    </rPh>
    <phoneticPr fontId="3"/>
  </si>
  <si>
    <t>多伎</t>
    <rPh sb="0" eb="2">
      <t>タキ</t>
    </rPh>
    <phoneticPr fontId="3"/>
  </si>
  <si>
    <t>湖陵</t>
    <rPh sb="0" eb="2">
      <t>コリョウ</t>
    </rPh>
    <phoneticPr fontId="3"/>
  </si>
  <si>
    <t>大社</t>
    <rPh sb="0" eb="2">
      <t>タイシャ</t>
    </rPh>
    <phoneticPr fontId="3"/>
  </si>
  <si>
    <t>斐川</t>
    <rPh sb="0" eb="2">
      <t>ヒカワ</t>
    </rPh>
    <phoneticPr fontId="3"/>
  </si>
  <si>
    <t>隠岐の島町</t>
    <rPh sb="0" eb="2">
      <t>オキ</t>
    </rPh>
    <rPh sb="3" eb="4">
      <t>シマ</t>
    </rPh>
    <rPh sb="4" eb="5">
      <t>チョウ</t>
    </rPh>
    <phoneticPr fontId="3"/>
  </si>
  <si>
    <t>西郷</t>
    <rPh sb="0" eb="2">
      <t>サイゴウ</t>
    </rPh>
    <phoneticPr fontId="3"/>
  </si>
  <si>
    <t>布施</t>
    <rPh sb="0" eb="2">
      <t>フセ</t>
    </rPh>
    <phoneticPr fontId="3"/>
  </si>
  <si>
    <t>五箇</t>
    <rPh sb="0" eb="2">
      <t>ゴカ</t>
    </rPh>
    <phoneticPr fontId="3"/>
  </si>
  <si>
    <t>都万</t>
    <rPh sb="0" eb="2">
      <t>ツマ</t>
    </rPh>
    <phoneticPr fontId="3"/>
  </si>
  <si>
    <t>海士町</t>
    <rPh sb="0" eb="2">
      <t>アマ</t>
    </rPh>
    <rPh sb="2" eb="3">
      <t>マチ</t>
    </rPh>
    <phoneticPr fontId="3"/>
  </si>
  <si>
    <t>海士</t>
    <rPh sb="0" eb="2">
      <t>アマ</t>
    </rPh>
    <phoneticPr fontId="3"/>
  </si>
  <si>
    <t>西ノ島町</t>
    <rPh sb="0" eb="3">
      <t>ニシノシマ</t>
    </rPh>
    <rPh sb="3" eb="4">
      <t>マチ</t>
    </rPh>
    <phoneticPr fontId="3"/>
  </si>
  <si>
    <t>知夫村</t>
    <rPh sb="0" eb="2">
      <t>チブ</t>
    </rPh>
    <rPh sb="2" eb="3">
      <t>ムラ</t>
    </rPh>
    <phoneticPr fontId="3"/>
  </si>
  <si>
    <t>知夫</t>
    <rPh sb="0" eb="2">
      <t>チブ</t>
    </rPh>
    <phoneticPr fontId="3"/>
  </si>
  <si>
    <t>益田市</t>
    <rPh sb="0" eb="3">
      <t>マスダシ</t>
    </rPh>
    <phoneticPr fontId="3"/>
  </si>
  <si>
    <t>益田</t>
    <rPh sb="0" eb="2">
      <t>マスダ</t>
    </rPh>
    <phoneticPr fontId="3"/>
  </si>
  <si>
    <t>美都</t>
    <rPh sb="0" eb="2">
      <t>ミト</t>
    </rPh>
    <phoneticPr fontId="3"/>
  </si>
  <si>
    <t>匹見</t>
    <rPh sb="0" eb="2">
      <t>ヒキミ</t>
    </rPh>
    <phoneticPr fontId="3"/>
  </si>
  <si>
    <t>津和野町</t>
    <rPh sb="0" eb="4">
      <t>ツワノチョウ</t>
    </rPh>
    <phoneticPr fontId="3"/>
  </si>
  <si>
    <t>日原</t>
    <rPh sb="0" eb="2">
      <t>ニチハラ</t>
    </rPh>
    <phoneticPr fontId="3"/>
  </si>
  <si>
    <t>吉賀町</t>
    <rPh sb="0" eb="2">
      <t>ヨシガ</t>
    </rPh>
    <rPh sb="2" eb="3">
      <t>チョウ</t>
    </rPh>
    <phoneticPr fontId="3"/>
  </si>
  <si>
    <t>柿木</t>
    <rPh sb="0" eb="2">
      <t>カキノキ</t>
    </rPh>
    <phoneticPr fontId="3"/>
  </si>
  <si>
    <t>県計</t>
    <rPh sb="0" eb="1">
      <t>ケン</t>
    </rPh>
    <rPh sb="1" eb="2">
      <t>ケ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41" formatCode="_ * #,##0_ ;_ * \-#,##0_ ;_ * &quot;-&quot;_ ;_ @_ "/>
    <numFmt numFmtId="184" formatCode="#,##0_);\(#,##0\)"/>
    <numFmt numFmtId="185" formatCode="#,##0_ "/>
    <numFmt numFmtId="186" formatCode="0_ "/>
    <numFmt numFmtId="187" formatCode="0_);[Red]\(0\)"/>
  </numFmts>
  <fonts count="9" x14ac:knownFonts="1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/>
    <xf numFmtId="38" fontId="7" fillId="0" borderId="0" applyFont="0" applyFill="0" applyBorder="0" applyAlignment="0" applyProtection="0"/>
    <xf numFmtId="0" fontId="8" fillId="0" borderId="0">
      <alignment vertical="center"/>
    </xf>
    <xf numFmtId="0" fontId="7" fillId="0" borderId="0"/>
  </cellStyleXfs>
  <cellXfs count="77">
    <xf numFmtId="0" fontId="0" fillId="0" borderId="0" xfId="0"/>
    <xf numFmtId="0" fontId="2" fillId="0" borderId="0" xfId="0" applyFont="1" applyAlignment="1">
      <alignment vertical="center"/>
    </xf>
    <xf numFmtId="184" fontId="4" fillId="0" borderId="1" xfId="0" applyNumberFormat="1" applyFont="1" applyBorder="1" applyAlignment="1">
      <alignment horizontal="center" vertical="center"/>
    </xf>
    <xf numFmtId="41" fontId="4" fillId="0" borderId="2" xfId="0" applyNumberFormat="1" applyFont="1" applyBorder="1" applyAlignment="1">
      <alignment vertical="center"/>
    </xf>
    <xf numFmtId="41" fontId="4" fillId="0" borderId="3" xfId="0" applyNumberFormat="1" applyFont="1" applyFill="1" applyBorder="1" applyAlignment="1">
      <alignment vertical="center"/>
    </xf>
    <xf numFmtId="41" fontId="4" fillId="0" borderId="4" xfId="0" applyNumberFormat="1" applyFont="1" applyFill="1" applyBorder="1" applyAlignment="1">
      <alignment vertical="center"/>
    </xf>
    <xf numFmtId="41" fontId="4" fillId="0" borderId="2" xfId="0" applyNumberFormat="1" applyFont="1" applyFill="1" applyBorder="1" applyAlignment="1">
      <alignment vertical="center"/>
    </xf>
    <xf numFmtId="41" fontId="4" fillId="0" borderId="5" xfId="0" applyNumberFormat="1" applyFont="1" applyFill="1" applyBorder="1" applyAlignment="1">
      <alignment vertical="center"/>
    </xf>
    <xf numFmtId="41" fontId="4" fillId="0" borderId="6" xfId="0" applyNumberFormat="1" applyFont="1" applyFill="1" applyBorder="1" applyAlignment="1">
      <alignment vertical="center"/>
    </xf>
    <xf numFmtId="41" fontId="4" fillId="0" borderId="7" xfId="0" applyNumberFormat="1" applyFont="1" applyFill="1" applyBorder="1" applyAlignment="1">
      <alignment vertical="center"/>
    </xf>
    <xf numFmtId="41" fontId="4" fillId="0" borderId="8" xfId="0" applyNumberFormat="1" applyFont="1" applyFill="1" applyBorder="1" applyAlignment="1">
      <alignment vertical="center"/>
    </xf>
    <xf numFmtId="41" fontId="4" fillId="0" borderId="9" xfId="0" applyNumberFormat="1" applyFont="1" applyFill="1" applyBorder="1" applyAlignment="1">
      <alignment vertical="center"/>
    </xf>
    <xf numFmtId="41" fontId="4" fillId="0" borderId="10" xfId="0" applyNumberFormat="1" applyFont="1" applyFill="1" applyBorder="1" applyAlignment="1">
      <alignment vertical="center"/>
    </xf>
    <xf numFmtId="41" fontId="4" fillId="0" borderId="11" xfId="0" applyNumberFormat="1" applyFont="1" applyFill="1" applyBorder="1" applyAlignment="1">
      <alignment vertical="center"/>
    </xf>
    <xf numFmtId="41" fontId="4" fillId="0" borderId="12" xfId="0" applyNumberFormat="1" applyFont="1" applyFill="1" applyBorder="1" applyAlignment="1">
      <alignment vertical="center"/>
    </xf>
    <xf numFmtId="184" fontId="5" fillId="0" borderId="12" xfId="0" applyNumberFormat="1" applyFont="1" applyBorder="1" applyAlignment="1">
      <alignment horizontal="centerContinuous" vertical="center" wrapText="1"/>
    </xf>
    <xf numFmtId="184" fontId="1" fillId="0" borderId="12" xfId="0" applyNumberFormat="1" applyFont="1" applyBorder="1" applyAlignment="1">
      <alignment horizontal="centerContinuous" vertical="center" wrapText="1"/>
    </xf>
    <xf numFmtId="184" fontId="6" fillId="0" borderId="12" xfId="0" applyNumberFormat="1" applyFont="1" applyBorder="1" applyAlignment="1">
      <alignment horizontal="centerContinuous" vertical="center" wrapText="1"/>
    </xf>
    <xf numFmtId="184" fontId="5" fillId="0" borderId="1" xfId="0" applyNumberFormat="1" applyFont="1" applyBorder="1" applyAlignment="1">
      <alignment horizontal="centerContinuous" vertical="center" wrapText="1"/>
    </xf>
    <xf numFmtId="0" fontId="2" fillId="0" borderId="0" xfId="0" applyFont="1" applyAlignment="1">
      <alignment horizontal="right" vertical="center"/>
    </xf>
    <xf numFmtId="184" fontId="4" fillId="0" borderId="12" xfId="0" applyNumberFormat="1" applyFont="1" applyBorder="1" applyAlignment="1">
      <alignment horizontal="center" vertical="center"/>
    </xf>
    <xf numFmtId="184" fontId="2" fillId="0" borderId="12" xfId="0" applyNumberFormat="1" applyFont="1" applyBorder="1" applyAlignment="1">
      <alignment horizontal="center" vertical="center" wrapText="1"/>
    </xf>
    <xf numFmtId="184" fontId="2" fillId="0" borderId="9" xfId="0" applyNumberFormat="1" applyFont="1" applyBorder="1" applyAlignment="1">
      <alignment horizontal="center" vertical="center" wrapText="1"/>
    </xf>
    <xf numFmtId="184" fontId="4" fillId="0" borderId="12" xfId="0" applyNumberFormat="1" applyFont="1" applyBorder="1" applyAlignment="1">
      <alignment vertical="center"/>
    </xf>
    <xf numFmtId="0" fontId="5" fillId="0" borderId="13" xfId="0" applyFont="1" applyBorder="1" applyAlignment="1">
      <alignment vertical="center" wrapText="1"/>
    </xf>
    <xf numFmtId="0" fontId="5" fillId="0" borderId="12" xfId="0" applyFont="1" applyBorder="1" applyAlignment="1">
      <alignment vertical="center" wrapText="1"/>
    </xf>
    <xf numFmtId="0" fontId="2" fillId="0" borderId="12" xfId="0" applyFont="1" applyBorder="1" applyAlignment="1">
      <alignment vertical="center" shrinkToFit="1"/>
    </xf>
    <xf numFmtId="184" fontId="4" fillId="0" borderId="14" xfId="0" applyNumberFormat="1" applyFont="1" applyBorder="1" applyAlignment="1">
      <alignment vertical="center"/>
    </xf>
    <xf numFmtId="184" fontId="4" fillId="0" borderId="1" xfId="0" applyNumberFormat="1" applyFont="1" applyBorder="1" applyAlignment="1">
      <alignment vertical="center"/>
    </xf>
    <xf numFmtId="0" fontId="2" fillId="0" borderId="12" xfId="0" applyFont="1" applyBorder="1" applyAlignment="1">
      <alignment horizontal="center" vertical="center" shrinkToFit="1"/>
    </xf>
    <xf numFmtId="184" fontId="2" fillId="0" borderId="15" xfId="0" applyNumberFormat="1" applyFont="1" applyBorder="1" applyAlignment="1">
      <alignment vertical="center"/>
    </xf>
    <xf numFmtId="186" fontId="2" fillId="0" borderId="9" xfId="0" applyNumberFormat="1" applyFont="1" applyBorder="1" applyAlignment="1">
      <alignment horizontal="center" vertical="center"/>
    </xf>
    <xf numFmtId="186" fontId="2" fillId="0" borderId="4" xfId="0" applyNumberFormat="1" applyFont="1" applyBorder="1" applyAlignment="1">
      <alignment horizontal="center" vertical="center"/>
    </xf>
    <xf numFmtId="186" fontId="2" fillId="0" borderId="2" xfId="0" applyNumberFormat="1" applyFont="1" applyBorder="1" applyAlignment="1">
      <alignment horizontal="center" vertical="center"/>
    </xf>
    <xf numFmtId="186" fontId="2" fillId="0" borderId="5" xfId="0" applyNumberFormat="1" applyFont="1" applyBorder="1" applyAlignment="1">
      <alignment horizontal="center" vertical="center"/>
    </xf>
    <xf numFmtId="186" fontId="2" fillId="0" borderId="6" xfId="0" applyNumberFormat="1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186" fontId="2" fillId="0" borderId="16" xfId="0" applyNumberFormat="1" applyFont="1" applyBorder="1" applyAlignment="1">
      <alignment vertical="center"/>
    </xf>
    <xf numFmtId="185" fontId="5" fillId="0" borderId="8" xfId="0" applyNumberFormat="1" applyFont="1" applyFill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185" fontId="2" fillId="0" borderId="8" xfId="0" applyNumberFormat="1" applyFont="1" applyFill="1" applyBorder="1" applyAlignment="1">
      <alignment vertical="center" shrinkToFit="1"/>
    </xf>
    <xf numFmtId="186" fontId="2" fillId="0" borderId="9" xfId="0" applyNumberFormat="1" applyFont="1" applyBorder="1" applyAlignment="1">
      <alignment horizontal="center" vertical="center" wrapText="1"/>
    </xf>
    <xf numFmtId="186" fontId="2" fillId="0" borderId="10" xfId="0" applyNumberFormat="1" applyFont="1" applyBorder="1" applyAlignment="1">
      <alignment horizontal="center" vertical="center"/>
    </xf>
    <xf numFmtId="186" fontId="2" fillId="0" borderId="11" xfId="0" applyNumberFormat="1" applyFont="1" applyBorder="1" applyAlignment="1">
      <alignment horizontal="center" vertical="center"/>
    </xf>
    <xf numFmtId="186" fontId="2" fillId="0" borderId="1" xfId="0" applyNumberFormat="1" applyFont="1" applyBorder="1" applyAlignment="1">
      <alignment horizontal="left" vertical="center"/>
    </xf>
    <xf numFmtId="0" fontId="2" fillId="0" borderId="5" xfId="0" applyFont="1" applyBorder="1" applyAlignment="1">
      <alignment horizontal="center" vertical="center"/>
    </xf>
    <xf numFmtId="186" fontId="2" fillId="0" borderId="8" xfId="0" applyNumberFormat="1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184" fontId="4" fillId="0" borderId="13" xfId="0" applyNumberFormat="1" applyFont="1" applyBorder="1" applyAlignment="1">
      <alignment vertical="center"/>
    </xf>
    <xf numFmtId="187" fontId="4" fillId="0" borderId="3" xfId="0" applyNumberFormat="1" applyFont="1" applyBorder="1" applyAlignment="1">
      <alignment horizontal="right" vertical="center"/>
    </xf>
    <xf numFmtId="187" fontId="4" fillId="0" borderId="3" xfId="0" applyNumberFormat="1" applyFont="1" applyFill="1" applyBorder="1" applyAlignment="1">
      <alignment vertical="center"/>
    </xf>
    <xf numFmtId="187" fontId="4" fillId="0" borderId="4" xfId="0" applyNumberFormat="1" applyFont="1" applyBorder="1" applyAlignment="1">
      <alignment horizontal="right" vertical="center"/>
    </xf>
    <xf numFmtId="187" fontId="4" fillId="0" borderId="4" xfId="0" applyNumberFormat="1" applyFont="1" applyFill="1" applyBorder="1" applyAlignment="1">
      <alignment vertical="center"/>
    </xf>
    <xf numFmtId="187" fontId="4" fillId="0" borderId="2" xfId="0" applyNumberFormat="1" applyFont="1" applyBorder="1" applyAlignment="1">
      <alignment horizontal="right" vertical="center"/>
    </xf>
    <xf numFmtId="187" fontId="4" fillId="0" borderId="2" xfId="0" applyNumberFormat="1" applyFont="1" applyFill="1" applyBorder="1" applyAlignment="1">
      <alignment vertical="center"/>
    </xf>
    <xf numFmtId="187" fontId="4" fillId="0" borderId="5" xfId="0" applyNumberFormat="1" applyFont="1" applyBorder="1" applyAlignment="1">
      <alignment horizontal="right" vertical="center"/>
    </xf>
    <xf numFmtId="187" fontId="4" fillId="0" borderId="5" xfId="0" applyNumberFormat="1" applyFont="1" applyFill="1" applyBorder="1" applyAlignment="1">
      <alignment vertical="center"/>
    </xf>
    <xf numFmtId="187" fontId="4" fillId="0" borderId="6" xfId="0" applyNumberFormat="1" applyFont="1" applyBorder="1" applyAlignment="1">
      <alignment horizontal="right" vertical="center"/>
    </xf>
    <xf numFmtId="187" fontId="4" fillId="0" borderId="6" xfId="0" applyNumberFormat="1" applyFont="1" applyFill="1" applyBorder="1" applyAlignment="1">
      <alignment vertical="center"/>
    </xf>
    <xf numFmtId="187" fontId="4" fillId="0" borderId="17" xfId="0" applyNumberFormat="1" applyFont="1" applyBorder="1" applyAlignment="1">
      <alignment horizontal="right" vertical="center"/>
    </xf>
    <xf numFmtId="187" fontId="4" fillId="0" borderId="7" xfId="0" applyNumberFormat="1" applyFont="1" applyFill="1" applyBorder="1" applyAlignment="1">
      <alignment vertical="center"/>
    </xf>
    <xf numFmtId="187" fontId="4" fillId="0" borderId="18" xfId="0" applyNumberFormat="1" applyFont="1" applyBorder="1" applyAlignment="1">
      <alignment horizontal="right" vertical="center"/>
    </xf>
    <xf numFmtId="187" fontId="4" fillId="0" borderId="8" xfId="0" applyNumberFormat="1" applyFont="1" applyFill="1" applyBorder="1" applyAlignment="1">
      <alignment vertical="center"/>
    </xf>
    <xf numFmtId="187" fontId="4" fillId="0" borderId="9" xfId="0" applyNumberFormat="1" applyFont="1" applyBorder="1" applyAlignment="1">
      <alignment horizontal="right" vertical="center"/>
    </xf>
    <xf numFmtId="187" fontId="4" fillId="0" borderId="9" xfId="0" applyNumberFormat="1" applyFont="1" applyFill="1" applyBorder="1" applyAlignment="1">
      <alignment vertical="center"/>
    </xf>
    <xf numFmtId="187" fontId="4" fillId="0" borderId="8" xfId="0" applyNumberFormat="1" applyFont="1" applyBorder="1" applyAlignment="1">
      <alignment horizontal="right" vertical="center"/>
    </xf>
    <xf numFmtId="187" fontId="4" fillId="0" borderId="2" xfId="0" applyNumberFormat="1" applyFont="1" applyBorder="1" applyAlignment="1">
      <alignment vertical="center"/>
    </xf>
    <xf numFmtId="187" fontId="4" fillId="0" borderId="10" xfId="0" applyNumberFormat="1" applyFont="1" applyBorder="1" applyAlignment="1">
      <alignment horizontal="right" vertical="center"/>
    </xf>
    <xf numFmtId="187" fontId="4" fillId="0" borderId="10" xfId="0" applyNumberFormat="1" applyFont="1" applyFill="1" applyBorder="1" applyAlignment="1">
      <alignment vertical="center"/>
    </xf>
    <xf numFmtId="187" fontId="4" fillId="0" borderId="11" xfId="0" applyNumberFormat="1" applyFont="1" applyBorder="1" applyAlignment="1">
      <alignment horizontal="right" vertical="center"/>
    </xf>
    <xf numFmtId="187" fontId="4" fillId="0" borderId="11" xfId="0" applyNumberFormat="1" applyFont="1" applyFill="1" applyBorder="1" applyAlignment="1">
      <alignment vertical="center"/>
    </xf>
    <xf numFmtId="187" fontId="4" fillId="0" borderId="1" xfId="0" applyNumberFormat="1" applyFont="1" applyBorder="1" applyAlignment="1">
      <alignment horizontal="right" vertical="center"/>
    </xf>
    <xf numFmtId="187" fontId="4" fillId="0" borderId="12" xfId="0" applyNumberFormat="1" applyFont="1" applyFill="1" applyBorder="1" applyAlignment="1">
      <alignment vertical="center"/>
    </xf>
    <xf numFmtId="186" fontId="4" fillId="0" borderId="8" xfId="0" applyNumberFormat="1" applyFont="1" applyFill="1" applyBorder="1" applyAlignment="1">
      <alignment vertical="center"/>
    </xf>
    <xf numFmtId="186" fontId="4" fillId="0" borderId="2" xfId="0" applyNumberFormat="1" applyFont="1" applyFill="1" applyBorder="1" applyAlignment="1">
      <alignment vertical="center"/>
    </xf>
    <xf numFmtId="186" fontId="4" fillId="0" borderId="12" xfId="0" applyNumberFormat="1" applyFont="1" applyFill="1" applyBorder="1" applyAlignment="1">
      <alignment vertical="center"/>
    </xf>
    <xf numFmtId="184" fontId="4" fillId="0" borderId="0" xfId="0" applyNumberFormat="1" applyFont="1" applyBorder="1" applyAlignment="1">
      <alignment horizontal="left" vertical="center" wrapText="1"/>
    </xf>
  </cellXfs>
  <cellStyles count="4">
    <cellStyle name="桁区切り 2" xfId="1"/>
    <cellStyle name="標準" xfId="0" builtinId="0"/>
    <cellStyle name="標準 2" xfId="2"/>
    <cellStyle name="標準 3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  <pageSetUpPr fitToPage="1"/>
  </sheetPr>
  <dimension ref="A1:J87"/>
  <sheetViews>
    <sheetView tabSelected="1" zoomScaleNormal="100" zoomScaleSheetLayoutView="100" workbookViewId="0"/>
  </sheetViews>
  <sheetFormatPr defaultRowHeight="11.25" x14ac:dyDescent="0.15"/>
  <cols>
    <col min="1" max="1" width="5.875" style="1" customWidth="1"/>
    <col min="2" max="3" width="7.5" style="1" customWidth="1"/>
    <col min="4" max="4" width="13" style="19" customWidth="1"/>
    <col min="5" max="5" width="13" style="1" customWidth="1"/>
    <col min="6" max="6" width="12.125" style="1" customWidth="1"/>
    <col min="7" max="7" width="12.25" style="1" customWidth="1"/>
    <col min="8" max="9" width="12.125" style="1" customWidth="1"/>
    <col min="10" max="10" width="10.75" style="1" customWidth="1"/>
    <col min="11" max="16384" width="9" style="1"/>
  </cols>
  <sheetData>
    <row r="1" spans="1:10" ht="27.75" customHeight="1" x14ac:dyDescent="0.15">
      <c r="A1" s="23" t="s">
        <v>4</v>
      </c>
      <c r="B1" s="20" t="s">
        <v>0</v>
      </c>
      <c r="C1" s="20" t="s">
        <v>2</v>
      </c>
      <c r="D1" s="21" t="s">
        <v>20</v>
      </c>
      <c r="E1" s="22" t="s">
        <v>8</v>
      </c>
      <c r="F1" s="24" t="s">
        <v>12</v>
      </c>
      <c r="G1" s="24" t="s">
        <v>12</v>
      </c>
      <c r="H1" s="24" t="s">
        <v>12</v>
      </c>
      <c r="I1" s="25" t="s">
        <v>12</v>
      </c>
      <c r="J1" s="2" t="s">
        <v>3</v>
      </c>
    </row>
    <row r="2" spans="1:10" ht="24.95" customHeight="1" x14ac:dyDescent="0.15">
      <c r="A2" s="23" t="s">
        <v>4</v>
      </c>
      <c r="B2" s="20" t="s">
        <v>0</v>
      </c>
      <c r="C2" s="20" t="s">
        <v>2</v>
      </c>
      <c r="D2" s="21" t="s">
        <v>20</v>
      </c>
      <c r="E2" s="22" t="s">
        <v>8</v>
      </c>
      <c r="F2" s="15" t="s">
        <v>9</v>
      </c>
      <c r="G2" s="16" t="s">
        <v>10</v>
      </c>
      <c r="H2" s="17" t="s">
        <v>21</v>
      </c>
      <c r="I2" s="18" t="s">
        <v>11</v>
      </c>
      <c r="J2" s="2" t="s">
        <v>3</v>
      </c>
    </row>
    <row r="3" spans="1:10" ht="18" customHeight="1" x14ac:dyDescent="0.15">
      <c r="A3" s="26" t="s">
        <v>22</v>
      </c>
      <c r="B3" s="31" t="s">
        <v>26</v>
      </c>
      <c r="C3" s="31" t="s">
        <v>40</v>
      </c>
      <c r="D3" s="49">
        <v>7748.3599999999988</v>
      </c>
      <c r="E3" s="50">
        <v>7748.36</v>
      </c>
      <c r="F3" s="4">
        <v>0</v>
      </c>
      <c r="G3" s="4">
        <v>0</v>
      </c>
      <c r="H3" s="4">
        <v>0</v>
      </c>
      <c r="I3" s="4">
        <v>0</v>
      </c>
      <c r="J3" s="4">
        <v>0</v>
      </c>
    </row>
    <row r="4" spans="1:10" ht="18" customHeight="1" x14ac:dyDescent="0.15">
      <c r="A4" s="26" t="s">
        <v>22</v>
      </c>
      <c r="B4" s="32" t="s">
        <v>27</v>
      </c>
      <c r="C4" s="32" t="s">
        <v>41</v>
      </c>
      <c r="D4" s="51">
        <v>15202.409999999998</v>
      </c>
      <c r="E4" s="52">
        <v>15195.57</v>
      </c>
      <c r="F4" s="5">
        <v>0</v>
      </c>
      <c r="G4" s="5">
        <v>6.84</v>
      </c>
      <c r="H4" s="5">
        <v>0</v>
      </c>
      <c r="I4" s="5">
        <v>0</v>
      </c>
      <c r="J4" s="5">
        <v>6.84</v>
      </c>
    </row>
    <row r="5" spans="1:10" ht="18" customHeight="1" x14ac:dyDescent="0.15">
      <c r="A5" s="26" t="s">
        <v>22</v>
      </c>
      <c r="B5" s="33" t="s">
        <v>27</v>
      </c>
      <c r="C5" s="33" t="s">
        <v>42</v>
      </c>
      <c r="D5" s="53">
        <v>5310.1500000000005</v>
      </c>
      <c r="E5" s="54">
        <v>5310.15</v>
      </c>
      <c r="F5" s="6">
        <v>0</v>
      </c>
      <c r="G5" s="6">
        <v>0</v>
      </c>
      <c r="H5" s="6">
        <v>0</v>
      </c>
      <c r="I5" s="6">
        <v>0</v>
      </c>
      <c r="J5" s="6">
        <v>0</v>
      </c>
    </row>
    <row r="6" spans="1:10" ht="18" customHeight="1" x14ac:dyDescent="0.15">
      <c r="A6" s="26" t="s">
        <v>22</v>
      </c>
      <c r="B6" s="34" t="s">
        <v>27</v>
      </c>
      <c r="C6" s="34" t="s">
        <v>5</v>
      </c>
      <c r="D6" s="55">
        <v>20512.559999999998</v>
      </c>
      <c r="E6" s="56">
        <v>20505.72</v>
      </c>
      <c r="F6" s="7">
        <v>0</v>
      </c>
      <c r="G6" s="7">
        <v>6.84</v>
      </c>
      <c r="H6" s="7">
        <v>0</v>
      </c>
      <c r="I6" s="7">
        <v>0</v>
      </c>
      <c r="J6" s="7">
        <v>6.84</v>
      </c>
    </row>
    <row r="7" spans="1:10" ht="18" customHeight="1" x14ac:dyDescent="0.15">
      <c r="A7" s="26" t="s">
        <v>22</v>
      </c>
      <c r="B7" s="33" t="s">
        <v>28</v>
      </c>
      <c r="C7" s="33" t="s">
        <v>13</v>
      </c>
      <c r="D7" s="51">
        <v>6299.7300000000005</v>
      </c>
      <c r="E7" s="52">
        <v>6299.73</v>
      </c>
      <c r="F7" s="5">
        <v>0</v>
      </c>
      <c r="G7" s="5">
        <v>0</v>
      </c>
      <c r="H7" s="5">
        <v>0</v>
      </c>
      <c r="I7" s="5">
        <v>0</v>
      </c>
      <c r="J7" s="5">
        <v>0</v>
      </c>
    </row>
    <row r="8" spans="1:10" ht="18" customHeight="1" x14ac:dyDescent="0.15">
      <c r="A8" s="26" t="s">
        <v>22</v>
      </c>
      <c r="B8" s="33" t="s">
        <v>29</v>
      </c>
      <c r="C8" s="33" t="s">
        <v>43</v>
      </c>
      <c r="D8" s="53">
        <v>17781.5</v>
      </c>
      <c r="E8" s="54">
        <v>17781.5</v>
      </c>
      <c r="F8" s="6">
        <v>0</v>
      </c>
      <c r="G8" s="6">
        <v>0</v>
      </c>
      <c r="H8" s="6">
        <v>0</v>
      </c>
      <c r="I8" s="6">
        <v>0</v>
      </c>
      <c r="J8" s="6">
        <v>0</v>
      </c>
    </row>
    <row r="9" spans="1:10" ht="18" customHeight="1" x14ac:dyDescent="0.15">
      <c r="A9" s="26" t="s">
        <v>22</v>
      </c>
      <c r="B9" s="33" t="s">
        <v>29</v>
      </c>
      <c r="C9" s="33" t="s">
        <v>44</v>
      </c>
      <c r="D9" s="53">
        <v>11059.609999999999</v>
      </c>
      <c r="E9" s="54">
        <v>11053.64</v>
      </c>
      <c r="F9" s="6">
        <v>0</v>
      </c>
      <c r="G9" s="6">
        <v>0</v>
      </c>
      <c r="H9" s="6">
        <v>0</v>
      </c>
      <c r="I9" s="6">
        <v>0</v>
      </c>
      <c r="J9" s="6">
        <v>0</v>
      </c>
    </row>
    <row r="10" spans="1:10" ht="18" customHeight="1" x14ac:dyDescent="0.15">
      <c r="A10" s="26" t="s">
        <v>22</v>
      </c>
      <c r="B10" s="33" t="s">
        <v>29</v>
      </c>
      <c r="C10" s="33" t="s">
        <v>5</v>
      </c>
      <c r="D10" s="55">
        <v>35140.839999999997</v>
      </c>
      <c r="E10" s="56">
        <v>35134.869999999995</v>
      </c>
      <c r="F10" s="7">
        <v>0</v>
      </c>
      <c r="G10" s="7">
        <v>0</v>
      </c>
      <c r="H10" s="7">
        <v>0</v>
      </c>
      <c r="I10" s="7">
        <v>0</v>
      </c>
      <c r="J10" s="7">
        <v>0</v>
      </c>
    </row>
    <row r="11" spans="1:10" ht="18" customHeight="1" x14ac:dyDescent="0.15">
      <c r="A11" s="26" t="s">
        <v>22</v>
      </c>
      <c r="B11" s="32" t="s">
        <v>30</v>
      </c>
      <c r="C11" s="32" t="s">
        <v>45</v>
      </c>
      <c r="D11" s="51">
        <v>23908.49</v>
      </c>
      <c r="E11" s="52">
        <v>23883.61</v>
      </c>
      <c r="F11" s="5">
        <v>0</v>
      </c>
      <c r="G11" s="5">
        <v>1.17</v>
      </c>
      <c r="H11" s="5">
        <v>5.74</v>
      </c>
      <c r="I11" s="5">
        <v>23.71</v>
      </c>
      <c r="J11" s="5">
        <v>30.62</v>
      </c>
    </row>
    <row r="12" spans="1:10" ht="18" customHeight="1" x14ac:dyDescent="0.15">
      <c r="A12" s="26" t="s">
        <v>22</v>
      </c>
      <c r="B12" s="33" t="s">
        <v>30</v>
      </c>
      <c r="C12" s="33" t="s">
        <v>46</v>
      </c>
      <c r="D12" s="53">
        <v>2338.2200000000007</v>
      </c>
      <c r="E12" s="54">
        <v>2338.2199999999998</v>
      </c>
      <c r="F12" s="6">
        <v>0</v>
      </c>
      <c r="G12" s="6">
        <v>0</v>
      </c>
      <c r="H12" s="6">
        <v>0</v>
      </c>
      <c r="I12" s="6">
        <v>0</v>
      </c>
      <c r="J12" s="6">
        <v>0</v>
      </c>
    </row>
    <row r="13" spans="1:10" ht="18" customHeight="1" x14ac:dyDescent="0.15">
      <c r="A13" s="26" t="s">
        <v>22</v>
      </c>
      <c r="B13" s="33" t="s">
        <v>30</v>
      </c>
      <c r="C13" s="33" t="s">
        <v>14</v>
      </c>
      <c r="D13" s="53">
        <v>5729.6299999999992</v>
      </c>
      <c r="E13" s="54">
        <v>5729.63</v>
      </c>
      <c r="F13" s="6">
        <v>0</v>
      </c>
      <c r="G13" s="6">
        <v>0</v>
      </c>
      <c r="H13" s="6">
        <v>0</v>
      </c>
      <c r="I13" s="6">
        <v>0</v>
      </c>
      <c r="J13" s="6">
        <v>0</v>
      </c>
    </row>
    <row r="14" spans="1:10" ht="18" customHeight="1" x14ac:dyDescent="0.15">
      <c r="A14" s="26" t="s">
        <v>22</v>
      </c>
      <c r="B14" s="35" t="s">
        <v>30</v>
      </c>
      <c r="C14" s="35" t="s">
        <v>5</v>
      </c>
      <c r="D14" s="57">
        <v>31976.340000000004</v>
      </c>
      <c r="E14" s="58">
        <v>31951.460000000003</v>
      </c>
      <c r="F14" s="8">
        <v>0</v>
      </c>
      <c r="G14" s="8">
        <v>1.17</v>
      </c>
      <c r="H14" s="8">
        <v>5.74</v>
      </c>
      <c r="I14" s="8">
        <v>23.71</v>
      </c>
      <c r="J14" s="8">
        <v>30.62</v>
      </c>
    </row>
    <row r="15" spans="1:10" ht="18" customHeight="1" x14ac:dyDescent="0.15">
      <c r="A15" s="26" t="s">
        <v>22</v>
      </c>
      <c r="B15" s="30" t="s">
        <v>1</v>
      </c>
      <c r="C15" s="30" t="s">
        <v>1</v>
      </c>
      <c r="D15" s="59">
        <v>95378.1</v>
      </c>
      <c r="E15" s="60">
        <v>95340.41</v>
      </c>
      <c r="F15" s="9">
        <v>0</v>
      </c>
      <c r="G15" s="9">
        <v>8.01</v>
      </c>
      <c r="H15" s="9">
        <v>5.74</v>
      </c>
      <c r="I15" s="9">
        <v>23.71</v>
      </c>
      <c r="J15" s="9">
        <v>37.46</v>
      </c>
    </row>
    <row r="16" spans="1:10" ht="18" customHeight="1" x14ac:dyDescent="0.15">
      <c r="A16" s="26" t="s">
        <v>22</v>
      </c>
      <c r="B16" s="31" t="s">
        <v>31</v>
      </c>
      <c r="C16" s="31" t="s">
        <v>32</v>
      </c>
      <c r="D16" s="53">
        <v>11430.310000000001</v>
      </c>
      <c r="E16" s="54">
        <v>11419.56</v>
      </c>
      <c r="F16" s="6">
        <v>0</v>
      </c>
      <c r="G16" s="6">
        <v>0.37</v>
      </c>
      <c r="H16" s="6">
        <v>10.029999999999999</v>
      </c>
      <c r="I16" s="6">
        <v>10.38</v>
      </c>
      <c r="J16" s="6">
        <v>20.78</v>
      </c>
    </row>
    <row r="17" spans="1:10" ht="18" customHeight="1" x14ac:dyDescent="0.15">
      <c r="A17" s="26" t="s">
        <v>22</v>
      </c>
      <c r="B17" s="33" t="s">
        <v>31</v>
      </c>
      <c r="C17" s="33" t="s">
        <v>33</v>
      </c>
      <c r="D17" s="53">
        <v>13714.389999999996</v>
      </c>
      <c r="E17" s="54">
        <v>13710.58</v>
      </c>
      <c r="F17" s="6">
        <v>3.81</v>
      </c>
      <c r="G17" s="6">
        <v>0</v>
      </c>
      <c r="H17" s="6">
        <v>0</v>
      </c>
      <c r="I17" s="6">
        <v>3.81</v>
      </c>
      <c r="J17" s="6">
        <v>7.62</v>
      </c>
    </row>
    <row r="18" spans="1:10" ht="18" customHeight="1" x14ac:dyDescent="0.15">
      <c r="A18" s="26" t="s">
        <v>22</v>
      </c>
      <c r="B18" s="33" t="s">
        <v>31</v>
      </c>
      <c r="C18" s="33" t="s">
        <v>6</v>
      </c>
      <c r="D18" s="53">
        <v>10335.280000000001</v>
      </c>
      <c r="E18" s="54">
        <v>10310.709999999999</v>
      </c>
      <c r="F18" s="6">
        <v>24.57</v>
      </c>
      <c r="G18" s="6">
        <v>0</v>
      </c>
      <c r="H18" s="6">
        <v>0</v>
      </c>
      <c r="I18" s="6">
        <v>24.57</v>
      </c>
      <c r="J18" s="6">
        <v>49.14</v>
      </c>
    </row>
    <row r="19" spans="1:10" ht="18" customHeight="1" x14ac:dyDescent="0.15">
      <c r="A19" s="26" t="s">
        <v>22</v>
      </c>
      <c r="B19" s="33" t="s">
        <v>31</v>
      </c>
      <c r="C19" s="33" t="s">
        <v>34</v>
      </c>
      <c r="D19" s="53">
        <v>8530.1899999999987</v>
      </c>
      <c r="E19" s="54">
        <v>8530.19</v>
      </c>
      <c r="F19" s="6">
        <v>0</v>
      </c>
      <c r="G19" s="6">
        <v>0</v>
      </c>
      <c r="H19" s="6">
        <v>0</v>
      </c>
      <c r="I19" s="6">
        <v>0</v>
      </c>
      <c r="J19" s="6">
        <v>0</v>
      </c>
    </row>
    <row r="20" spans="1:10" ht="18" customHeight="1" x14ac:dyDescent="0.15">
      <c r="A20" s="26" t="s">
        <v>22</v>
      </c>
      <c r="B20" s="33" t="s">
        <v>31</v>
      </c>
      <c r="C20" s="33" t="s">
        <v>35</v>
      </c>
      <c r="D20" s="53">
        <v>10272.419999999998</v>
      </c>
      <c r="E20" s="54">
        <v>10271.530000000001</v>
      </c>
      <c r="F20" s="6">
        <v>0</v>
      </c>
      <c r="G20" s="6">
        <v>0.89</v>
      </c>
      <c r="H20" s="6">
        <v>0</v>
      </c>
      <c r="I20" s="6">
        <v>0</v>
      </c>
      <c r="J20" s="6">
        <v>0.89</v>
      </c>
    </row>
    <row r="21" spans="1:10" ht="18" customHeight="1" x14ac:dyDescent="0.15">
      <c r="A21" s="26" t="s">
        <v>22</v>
      </c>
      <c r="B21" s="33" t="s">
        <v>31</v>
      </c>
      <c r="C21" s="36" t="s">
        <v>5</v>
      </c>
      <c r="D21" s="55">
        <v>54282.59</v>
      </c>
      <c r="E21" s="56">
        <v>54242.57</v>
      </c>
      <c r="F21" s="7">
        <v>28.38</v>
      </c>
      <c r="G21" s="7">
        <v>1.26</v>
      </c>
      <c r="H21" s="7">
        <v>10.029999999999999</v>
      </c>
      <c r="I21" s="7">
        <v>38.760000000000005</v>
      </c>
      <c r="J21" s="7">
        <v>78.430000000000007</v>
      </c>
    </row>
    <row r="22" spans="1:10" ht="18" customHeight="1" x14ac:dyDescent="0.15">
      <c r="A22" s="26" t="s">
        <v>22</v>
      </c>
      <c r="B22" s="32" t="s">
        <v>36</v>
      </c>
      <c r="C22" s="32" t="s">
        <v>37</v>
      </c>
      <c r="D22" s="51">
        <v>11531.050000000001</v>
      </c>
      <c r="E22" s="52">
        <v>11517.86</v>
      </c>
      <c r="F22" s="5">
        <v>0.39</v>
      </c>
      <c r="G22" s="5">
        <v>1.04</v>
      </c>
      <c r="H22" s="5">
        <v>11.76</v>
      </c>
      <c r="I22" s="5">
        <v>11.76</v>
      </c>
      <c r="J22" s="5">
        <v>24.95</v>
      </c>
    </row>
    <row r="23" spans="1:10" ht="18" customHeight="1" x14ac:dyDescent="0.15">
      <c r="A23" s="26" t="s">
        <v>22</v>
      </c>
      <c r="B23" s="33" t="s">
        <v>36</v>
      </c>
      <c r="C23" s="33" t="s">
        <v>38</v>
      </c>
      <c r="D23" s="53">
        <v>8759.0200000000023</v>
      </c>
      <c r="E23" s="54">
        <v>8759.02</v>
      </c>
      <c r="F23" s="6">
        <v>0</v>
      </c>
      <c r="G23" s="6">
        <v>0</v>
      </c>
      <c r="H23" s="6">
        <v>0</v>
      </c>
      <c r="I23" s="6">
        <v>0</v>
      </c>
      <c r="J23" s="6">
        <v>0</v>
      </c>
    </row>
    <row r="24" spans="1:10" ht="18" customHeight="1" x14ac:dyDescent="0.15">
      <c r="A24" s="26" t="s">
        <v>22</v>
      </c>
      <c r="B24" s="35" t="s">
        <v>36</v>
      </c>
      <c r="C24" s="35" t="s">
        <v>5</v>
      </c>
      <c r="D24" s="57">
        <v>20290.070000000003</v>
      </c>
      <c r="E24" s="58">
        <v>20276.88</v>
      </c>
      <c r="F24" s="8">
        <v>0.39</v>
      </c>
      <c r="G24" s="8">
        <v>1.04</v>
      </c>
      <c r="H24" s="8">
        <v>11.76</v>
      </c>
      <c r="I24" s="8">
        <v>11.76</v>
      </c>
      <c r="J24" s="8">
        <v>24.95</v>
      </c>
    </row>
    <row r="25" spans="1:10" ht="18" customHeight="1" x14ac:dyDescent="0.15">
      <c r="A25" s="26" t="s">
        <v>22</v>
      </c>
      <c r="B25" s="37" t="s">
        <v>39</v>
      </c>
      <c r="C25" s="37" t="s">
        <v>39</v>
      </c>
      <c r="D25" s="59">
        <v>74572.66</v>
      </c>
      <c r="E25" s="60">
        <v>74519.45</v>
      </c>
      <c r="F25" s="9">
        <v>28.77</v>
      </c>
      <c r="G25" s="9">
        <v>2.2999999999999998</v>
      </c>
      <c r="H25" s="9">
        <v>21.79</v>
      </c>
      <c r="I25" s="9">
        <v>50.52</v>
      </c>
      <c r="J25" s="9">
        <v>103.38000000000001</v>
      </c>
    </row>
    <row r="26" spans="1:10" ht="18" customHeight="1" x14ac:dyDescent="0.15">
      <c r="A26" s="26" t="s">
        <v>22</v>
      </c>
      <c r="B26" s="27" t="s">
        <v>3</v>
      </c>
      <c r="C26" s="27" t="s">
        <v>3</v>
      </c>
      <c r="D26" s="61">
        <v>169950.76</v>
      </c>
      <c r="E26" s="62">
        <v>169859.86</v>
      </c>
      <c r="F26" s="10">
        <v>28.77</v>
      </c>
      <c r="G26" s="10">
        <v>10.309999999999999</v>
      </c>
      <c r="H26" s="10">
        <v>27.53</v>
      </c>
      <c r="I26" s="10">
        <v>74.23</v>
      </c>
      <c r="J26" s="10">
        <v>140.84</v>
      </c>
    </row>
    <row r="27" spans="1:10" ht="18" customHeight="1" x14ac:dyDescent="0.15">
      <c r="A27" s="26" t="s">
        <v>23</v>
      </c>
      <c r="B27" s="33" t="s">
        <v>47</v>
      </c>
      <c r="C27" s="31" t="s">
        <v>48</v>
      </c>
      <c r="D27" s="63">
        <v>8966.4399999999987</v>
      </c>
      <c r="E27" s="64">
        <v>8966.44</v>
      </c>
      <c r="F27" s="11">
        <v>734.56</v>
      </c>
      <c r="G27" s="11">
        <v>0</v>
      </c>
      <c r="H27" s="11">
        <v>0</v>
      </c>
      <c r="I27" s="11">
        <v>0</v>
      </c>
      <c r="J27" s="11">
        <v>734.56</v>
      </c>
    </row>
    <row r="28" spans="1:10" ht="18" customHeight="1" x14ac:dyDescent="0.15">
      <c r="A28" s="26" t="s">
        <v>23</v>
      </c>
      <c r="B28" s="33" t="s">
        <v>47</v>
      </c>
      <c r="C28" s="33" t="s">
        <v>49</v>
      </c>
      <c r="D28" s="53">
        <v>2014.0900000000004</v>
      </c>
      <c r="E28" s="54">
        <v>2012.15</v>
      </c>
      <c r="F28" s="6">
        <v>0</v>
      </c>
      <c r="G28" s="6">
        <v>0</v>
      </c>
      <c r="H28" s="6">
        <v>0</v>
      </c>
      <c r="I28" s="6">
        <v>1.94</v>
      </c>
      <c r="J28" s="6">
        <v>1.94</v>
      </c>
    </row>
    <row r="29" spans="1:10" ht="18" customHeight="1" x14ac:dyDescent="0.15">
      <c r="A29" s="26" t="s">
        <v>23</v>
      </c>
      <c r="B29" s="33" t="s">
        <v>47</v>
      </c>
      <c r="C29" s="33" t="s">
        <v>50</v>
      </c>
      <c r="D29" s="53">
        <v>3110.35</v>
      </c>
      <c r="E29" s="54">
        <v>3079.73</v>
      </c>
      <c r="F29" s="6">
        <v>157.41</v>
      </c>
      <c r="G29" s="6">
        <v>0</v>
      </c>
      <c r="H29" s="6">
        <v>10.5</v>
      </c>
      <c r="I29" s="6">
        <v>30.62</v>
      </c>
      <c r="J29" s="6">
        <v>198.53</v>
      </c>
    </row>
    <row r="30" spans="1:10" ht="18" customHeight="1" x14ac:dyDescent="0.15">
      <c r="A30" s="26" t="s">
        <v>23</v>
      </c>
      <c r="B30" s="33" t="s">
        <v>47</v>
      </c>
      <c r="C30" s="33" t="s">
        <v>15</v>
      </c>
      <c r="D30" s="53">
        <v>4286.5600000000004</v>
      </c>
      <c r="E30" s="54">
        <v>4273.04</v>
      </c>
      <c r="F30" s="6">
        <v>0</v>
      </c>
      <c r="G30" s="6">
        <v>0</v>
      </c>
      <c r="H30" s="6">
        <v>4.4800000000000004</v>
      </c>
      <c r="I30" s="6">
        <v>13.52</v>
      </c>
      <c r="J30" s="6">
        <v>18</v>
      </c>
    </row>
    <row r="31" spans="1:10" ht="18" customHeight="1" x14ac:dyDescent="0.15">
      <c r="A31" s="26" t="s">
        <v>23</v>
      </c>
      <c r="B31" s="33" t="s">
        <v>47</v>
      </c>
      <c r="C31" s="33" t="s">
        <v>51</v>
      </c>
      <c r="D31" s="53">
        <v>4159.26</v>
      </c>
      <c r="E31" s="54">
        <v>4158.7299999999996</v>
      </c>
      <c r="F31" s="6">
        <v>0</v>
      </c>
      <c r="G31" s="6">
        <v>0.53</v>
      </c>
      <c r="H31" s="6">
        <v>0</v>
      </c>
      <c r="I31" s="6">
        <v>0</v>
      </c>
      <c r="J31" s="6">
        <v>0.53</v>
      </c>
    </row>
    <row r="32" spans="1:10" ht="18" customHeight="1" x14ac:dyDescent="0.15">
      <c r="A32" s="26" t="s">
        <v>23</v>
      </c>
      <c r="B32" s="33" t="s">
        <v>47</v>
      </c>
      <c r="C32" s="33" t="s">
        <v>52</v>
      </c>
      <c r="D32" s="53">
        <v>1615.7900000000002</v>
      </c>
      <c r="E32" s="54">
        <v>1615.79</v>
      </c>
      <c r="F32" s="6">
        <v>0</v>
      </c>
      <c r="G32" s="6">
        <v>0</v>
      </c>
      <c r="H32" s="6">
        <v>0</v>
      </c>
      <c r="I32" s="6">
        <v>0</v>
      </c>
      <c r="J32" s="6">
        <v>0</v>
      </c>
    </row>
    <row r="33" spans="1:10" ht="18" customHeight="1" x14ac:dyDescent="0.15">
      <c r="A33" s="26" t="s">
        <v>23</v>
      </c>
      <c r="B33" s="33" t="s">
        <v>47</v>
      </c>
      <c r="C33" s="33" t="s">
        <v>53</v>
      </c>
      <c r="D33" s="53">
        <v>2909.62</v>
      </c>
      <c r="E33" s="54">
        <v>2909.62</v>
      </c>
      <c r="F33" s="6">
        <v>0</v>
      </c>
      <c r="G33" s="6">
        <v>0</v>
      </c>
      <c r="H33" s="6">
        <v>0</v>
      </c>
      <c r="I33" s="6">
        <v>0</v>
      </c>
      <c r="J33" s="6">
        <v>0</v>
      </c>
    </row>
    <row r="34" spans="1:10" ht="18" customHeight="1" x14ac:dyDescent="0.15">
      <c r="A34" s="26" t="s">
        <v>23</v>
      </c>
      <c r="B34" s="33" t="s">
        <v>47</v>
      </c>
      <c r="C34" s="33" t="s">
        <v>54</v>
      </c>
      <c r="D34" s="53">
        <v>6.76</v>
      </c>
      <c r="E34" s="54">
        <v>6.76</v>
      </c>
      <c r="F34" s="6">
        <v>0</v>
      </c>
      <c r="G34" s="6">
        <v>0</v>
      </c>
      <c r="H34" s="6">
        <v>0</v>
      </c>
      <c r="I34" s="6">
        <v>0</v>
      </c>
      <c r="J34" s="6">
        <v>0</v>
      </c>
    </row>
    <row r="35" spans="1:10" ht="18" customHeight="1" x14ac:dyDescent="0.15">
      <c r="A35" s="26" t="s">
        <v>23</v>
      </c>
      <c r="B35" s="33" t="s">
        <v>47</v>
      </c>
      <c r="C35" s="33" t="s">
        <v>16</v>
      </c>
      <c r="D35" s="53">
        <v>1973.3799999999999</v>
      </c>
      <c r="E35" s="54">
        <v>1973.38</v>
      </c>
      <c r="F35" s="6">
        <v>0</v>
      </c>
      <c r="G35" s="6">
        <v>0</v>
      </c>
      <c r="H35" s="6">
        <v>0</v>
      </c>
      <c r="I35" s="6">
        <v>0</v>
      </c>
      <c r="J35" s="6">
        <v>0</v>
      </c>
    </row>
    <row r="36" spans="1:10" ht="18" customHeight="1" x14ac:dyDescent="0.15">
      <c r="A36" s="26" t="s">
        <v>23</v>
      </c>
      <c r="B36" s="34" t="s">
        <v>47</v>
      </c>
      <c r="C36" s="36" t="s">
        <v>5</v>
      </c>
      <c r="D36" s="65">
        <v>29042.249999999996</v>
      </c>
      <c r="E36" s="62">
        <v>28995.64</v>
      </c>
      <c r="F36" s="10">
        <v>891.96999999999991</v>
      </c>
      <c r="G36" s="10">
        <v>0.53</v>
      </c>
      <c r="H36" s="10">
        <v>14.98</v>
      </c>
      <c r="I36" s="10">
        <v>46.08</v>
      </c>
      <c r="J36" s="10">
        <v>953.56</v>
      </c>
    </row>
    <row r="37" spans="1:10" ht="18" customHeight="1" x14ac:dyDescent="0.15">
      <c r="A37" s="26" t="s">
        <v>23</v>
      </c>
      <c r="B37" s="32" t="s">
        <v>55</v>
      </c>
      <c r="C37" s="32" t="s">
        <v>56</v>
      </c>
      <c r="D37" s="63">
        <v>4063.86</v>
      </c>
      <c r="E37" s="64">
        <v>4063.86</v>
      </c>
      <c r="F37" s="11">
        <v>0</v>
      </c>
      <c r="G37" s="11">
        <v>0</v>
      </c>
      <c r="H37" s="11">
        <v>0</v>
      </c>
      <c r="I37" s="11">
        <v>0</v>
      </c>
      <c r="J37" s="11">
        <v>0</v>
      </c>
    </row>
    <row r="38" spans="1:10" ht="18" customHeight="1" x14ac:dyDescent="0.15">
      <c r="A38" s="26" t="s">
        <v>23</v>
      </c>
      <c r="B38" s="33" t="s">
        <v>55</v>
      </c>
      <c r="C38" s="33" t="s">
        <v>57</v>
      </c>
      <c r="D38" s="53">
        <v>17781.930000000004</v>
      </c>
      <c r="E38" s="54">
        <v>17781.93</v>
      </c>
      <c r="F38" s="6">
        <v>0</v>
      </c>
      <c r="G38" s="6">
        <v>0</v>
      </c>
      <c r="H38" s="6">
        <v>0</v>
      </c>
      <c r="I38" s="6">
        <v>0</v>
      </c>
      <c r="J38" s="6">
        <v>0</v>
      </c>
    </row>
    <row r="39" spans="1:10" ht="18" customHeight="1" x14ac:dyDescent="0.15">
      <c r="A39" s="26" t="s">
        <v>23</v>
      </c>
      <c r="B39" s="33" t="s">
        <v>55</v>
      </c>
      <c r="C39" s="33" t="s">
        <v>58</v>
      </c>
      <c r="D39" s="53">
        <v>7540.7300000000005</v>
      </c>
      <c r="E39" s="54">
        <v>7540.73</v>
      </c>
      <c r="F39" s="6">
        <v>0</v>
      </c>
      <c r="G39" s="6">
        <v>0</v>
      </c>
      <c r="H39" s="6">
        <v>0</v>
      </c>
      <c r="I39" s="6">
        <v>0</v>
      </c>
      <c r="J39" s="6">
        <v>0</v>
      </c>
    </row>
    <row r="40" spans="1:10" ht="18" customHeight="1" x14ac:dyDescent="0.15">
      <c r="A40" s="26" t="s">
        <v>23</v>
      </c>
      <c r="B40" s="35" t="s">
        <v>55</v>
      </c>
      <c r="C40" s="35" t="s">
        <v>5</v>
      </c>
      <c r="D40" s="53">
        <v>29386.520000000004</v>
      </c>
      <c r="E40" s="54">
        <v>29386.52</v>
      </c>
      <c r="F40" s="6">
        <v>0</v>
      </c>
      <c r="G40" s="6">
        <v>0</v>
      </c>
      <c r="H40" s="6">
        <v>0</v>
      </c>
      <c r="I40" s="6">
        <v>0</v>
      </c>
      <c r="J40" s="6">
        <v>0</v>
      </c>
    </row>
    <row r="41" spans="1:10" ht="18" customHeight="1" x14ac:dyDescent="0.15">
      <c r="A41" s="26" t="s">
        <v>23</v>
      </c>
      <c r="B41" s="38" t="s">
        <v>39</v>
      </c>
      <c r="C41" s="38" t="s">
        <v>39</v>
      </c>
      <c r="D41" s="59">
        <v>58428.770000000004</v>
      </c>
      <c r="E41" s="60">
        <v>58382.16</v>
      </c>
      <c r="F41" s="9">
        <v>891.96999999999991</v>
      </c>
      <c r="G41" s="9">
        <v>0.53</v>
      </c>
      <c r="H41" s="9">
        <v>14.98</v>
      </c>
      <c r="I41" s="9">
        <v>46.08</v>
      </c>
      <c r="J41" s="9">
        <v>953.56</v>
      </c>
    </row>
    <row r="42" spans="1:10" ht="18" customHeight="1" x14ac:dyDescent="0.15">
      <c r="A42" s="26" t="s">
        <v>23</v>
      </c>
      <c r="B42" s="31" t="s">
        <v>59</v>
      </c>
      <c r="C42" s="31" t="s">
        <v>60</v>
      </c>
      <c r="D42" s="53">
        <v>10626.94</v>
      </c>
      <c r="E42" s="54">
        <v>10626.94</v>
      </c>
      <c r="F42" s="6">
        <v>0</v>
      </c>
      <c r="G42" s="6">
        <v>0</v>
      </c>
      <c r="H42" s="6">
        <v>0</v>
      </c>
      <c r="I42" s="6">
        <v>0</v>
      </c>
      <c r="J42" s="6">
        <v>0</v>
      </c>
    </row>
    <row r="43" spans="1:10" ht="18" customHeight="1" x14ac:dyDescent="0.15">
      <c r="A43" s="26" t="s">
        <v>23</v>
      </c>
      <c r="B43" s="33" t="s">
        <v>59</v>
      </c>
      <c r="C43" s="33" t="s">
        <v>61</v>
      </c>
      <c r="D43" s="53">
        <v>1661.5700000000002</v>
      </c>
      <c r="E43" s="54">
        <v>1661.57</v>
      </c>
      <c r="F43" s="6">
        <v>0</v>
      </c>
      <c r="G43" s="6">
        <v>0</v>
      </c>
      <c r="H43" s="6">
        <v>0</v>
      </c>
      <c r="I43" s="6">
        <v>0</v>
      </c>
      <c r="J43" s="6">
        <v>0</v>
      </c>
    </row>
    <row r="44" spans="1:10" ht="18" customHeight="1" x14ac:dyDescent="0.15">
      <c r="A44" s="26" t="s">
        <v>23</v>
      </c>
      <c r="B44" s="33" t="s">
        <v>59</v>
      </c>
      <c r="C44" s="33" t="s">
        <v>62</v>
      </c>
      <c r="D44" s="53">
        <v>3735.0199999999995</v>
      </c>
      <c r="E44" s="54">
        <v>3735.02</v>
      </c>
      <c r="F44" s="6">
        <v>0</v>
      </c>
      <c r="G44" s="6">
        <v>0</v>
      </c>
      <c r="H44" s="6">
        <v>0</v>
      </c>
      <c r="I44" s="6">
        <v>0</v>
      </c>
      <c r="J44" s="6">
        <v>0</v>
      </c>
    </row>
    <row r="45" spans="1:10" ht="18" customHeight="1" x14ac:dyDescent="0.15">
      <c r="A45" s="26" t="s">
        <v>23</v>
      </c>
      <c r="B45" s="33" t="s">
        <v>59</v>
      </c>
      <c r="C45" s="33" t="s">
        <v>17</v>
      </c>
      <c r="D45" s="53">
        <v>6237.9699999999993</v>
      </c>
      <c r="E45" s="54">
        <v>6237.97</v>
      </c>
      <c r="F45" s="6">
        <v>0</v>
      </c>
      <c r="G45" s="6">
        <v>0</v>
      </c>
      <c r="H45" s="6">
        <v>0</v>
      </c>
      <c r="I45" s="6">
        <v>0</v>
      </c>
      <c r="J45" s="6">
        <v>0</v>
      </c>
    </row>
    <row r="46" spans="1:10" ht="18" customHeight="1" x14ac:dyDescent="0.15">
      <c r="A46" s="26" t="s">
        <v>23</v>
      </c>
      <c r="B46" s="33" t="s">
        <v>59</v>
      </c>
      <c r="C46" s="33" t="s">
        <v>63</v>
      </c>
      <c r="D46" s="53">
        <v>9302.67</v>
      </c>
      <c r="E46" s="54">
        <v>9297.0300000000007</v>
      </c>
      <c r="F46" s="6">
        <v>2.58</v>
      </c>
      <c r="G46" s="6">
        <v>0</v>
      </c>
      <c r="H46" s="6">
        <v>0</v>
      </c>
      <c r="I46" s="6">
        <v>3.06</v>
      </c>
      <c r="J46" s="6">
        <v>5.6400000000000006</v>
      </c>
    </row>
    <row r="47" spans="1:10" ht="18" customHeight="1" x14ac:dyDescent="0.15">
      <c r="A47" s="26" t="s">
        <v>23</v>
      </c>
      <c r="B47" s="33" t="s">
        <v>59</v>
      </c>
      <c r="C47" s="33" t="s">
        <v>64</v>
      </c>
      <c r="D47" s="53">
        <v>8776.7100000000009</v>
      </c>
      <c r="E47" s="54">
        <v>8776.7099999999991</v>
      </c>
      <c r="F47" s="6">
        <v>0</v>
      </c>
      <c r="G47" s="6">
        <v>0</v>
      </c>
      <c r="H47" s="6">
        <v>0</v>
      </c>
      <c r="I47" s="6">
        <v>0</v>
      </c>
      <c r="J47" s="6">
        <v>0</v>
      </c>
    </row>
    <row r="48" spans="1:10" ht="18" customHeight="1" x14ac:dyDescent="0.15">
      <c r="A48" s="26" t="s">
        <v>23</v>
      </c>
      <c r="B48" s="34" t="s">
        <v>59</v>
      </c>
      <c r="C48" s="34" t="s">
        <v>5</v>
      </c>
      <c r="D48" s="55">
        <v>40340.879999999997</v>
      </c>
      <c r="E48" s="56">
        <v>40335.24</v>
      </c>
      <c r="F48" s="7">
        <v>2.58</v>
      </c>
      <c r="G48" s="7">
        <v>0</v>
      </c>
      <c r="H48" s="7">
        <v>0</v>
      </c>
      <c r="I48" s="7">
        <v>3.06</v>
      </c>
      <c r="J48" s="7">
        <v>5.6400000000000006</v>
      </c>
    </row>
    <row r="49" spans="1:10" ht="18" customHeight="1" x14ac:dyDescent="0.15">
      <c r="A49" s="26" t="s">
        <v>23</v>
      </c>
      <c r="B49" s="33" t="s">
        <v>65</v>
      </c>
      <c r="C49" s="33" t="s">
        <v>66</v>
      </c>
      <c r="D49" s="53">
        <v>14099.999999999998</v>
      </c>
      <c r="E49" s="54">
        <v>14095.5</v>
      </c>
      <c r="F49" s="6">
        <v>1.34</v>
      </c>
      <c r="G49" s="6">
        <v>0</v>
      </c>
      <c r="H49" s="6">
        <v>0</v>
      </c>
      <c r="I49" s="6">
        <v>4.5</v>
      </c>
      <c r="J49" s="6">
        <v>5.84</v>
      </c>
    </row>
    <row r="50" spans="1:10" ht="18" customHeight="1" x14ac:dyDescent="0.15">
      <c r="A50" s="26" t="s">
        <v>23</v>
      </c>
      <c r="B50" s="33" t="s">
        <v>65</v>
      </c>
      <c r="C50" s="33" t="s">
        <v>67</v>
      </c>
      <c r="D50" s="53">
        <v>14400.780000000002</v>
      </c>
      <c r="E50" s="54">
        <v>14346.28</v>
      </c>
      <c r="F50" s="6">
        <v>24.1</v>
      </c>
      <c r="G50" s="6">
        <v>0</v>
      </c>
      <c r="H50" s="6">
        <v>0</v>
      </c>
      <c r="I50" s="6">
        <v>53.27</v>
      </c>
      <c r="J50" s="6">
        <v>77.37</v>
      </c>
    </row>
    <row r="51" spans="1:10" ht="18" customHeight="1" x14ac:dyDescent="0.15">
      <c r="A51" s="26" t="s">
        <v>23</v>
      </c>
      <c r="B51" s="33" t="s">
        <v>65</v>
      </c>
      <c r="C51" s="36" t="s">
        <v>5</v>
      </c>
      <c r="D51" s="53">
        <v>28500.78</v>
      </c>
      <c r="E51" s="66">
        <v>28441.78</v>
      </c>
      <c r="F51" s="3">
        <v>25.44</v>
      </c>
      <c r="G51" s="3">
        <v>0</v>
      </c>
      <c r="H51" s="3">
        <v>0</v>
      </c>
      <c r="I51" s="3">
        <v>57.77</v>
      </c>
      <c r="J51" s="3">
        <v>83.210000000000008</v>
      </c>
    </row>
    <row r="52" spans="1:10" ht="18" customHeight="1" x14ac:dyDescent="0.15">
      <c r="A52" s="26" t="s">
        <v>23</v>
      </c>
      <c r="B52" s="32" t="s">
        <v>68</v>
      </c>
      <c r="C52" s="32" t="s">
        <v>69</v>
      </c>
      <c r="D52" s="51">
        <v>10633.050000000001</v>
      </c>
      <c r="E52" s="52">
        <v>10633.05</v>
      </c>
      <c r="F52" s="5">
        <v>0</v>
      </c>
      <c r="G52" s="5">
        <v>0</v>
      </c>
      <c r="H52" s="5">
        <v>0</v>
      </c>
      <c r="I52" s="5">
        <v>0</v>
      </c>
      <c r="J52" s="5">
        <v>0</v>
      </c>
    </row>
    <row r="53" spans="1:10" ht="18" customHeight="1" x14ac:dyDescent="0.15">
      <c r="A53" s="26" t="s">
        <v>23</v>
      </c>
      <c r="B53" s="33" t="s">
        <v>68</v>
      </c>
      <c r="C53" s="33" t="s">
        <v>70</v>
      </c>
      <c r="D53" s="53">
        <v>9709.7899999999991</v>
      </c>
      <c r="E53" s="54">
        <v>9709.7900000000009</v>
      </c>
      <c r="F53" s="6">
        <v>0</v>
      </c>
      <c r="G53" s="6">
        <v>0</v>
      </c>
      <c r="H53" s="6">
        <v>0</v>
      </c>
      <c r="I53" s="6">
        <v>0</v>
      </c>
      <c r="J53" s="6">
        <v>0</v>
      </c>
    </row>
    <row r="54" spans="1:10" ht="18" customHeight="1" x14ac:dyDescent="0.15">
      <c r="A54" s="26" t="s">
        <v>23</v>
      </c>
      <c r="B54" s="35" t="s">
        <v>68</v>
      </c>
      <c r="C54" s="39" t="s">
        <v>5</v>
      </c>
      <c r="D54" s="53">
        <v>20342.84</v>
      </c>
      <c r="E54" s="54">
        <v>20342.84</v>
      </c>
      <c r="F54" s="6">
        <v>0</v>
      </c>
      <c r="G54" s="6">
        <v>0</v>
      </c>
      <c r="H54" s="6">
        <v>0</v>
      </c>
      <c r="I54" s="6">
        <v>0</v>
      </c>
      <c r="J54" s="6">
        <v>0</v>
      </c>
    </row>
    <row r="55" spans="1:10" ht="18" customHeight="1" x14ac:dyDescent="0.15">
      <c r="A55" s="26" t="s">
        <v>23</v>
      </c>
      <c r="B55" s="40" t="s">
        <v>39</v>
      </c>
      <c r="C55" s="38" t="s">
        <v>39</v>
      </c>
      <c r="D55" s="59">
        <v>89184.5</v>
      </c>
      <c r="E55" s="60">
        <v>89119.859999999986</v>
      </c>
      <c r="F55" s="9">
        <v>28.020000000000003</v>
      </c>
      <c r="G55" s="9">
        <v>0</v>
      </c>
      <c r="H55" s="9">
        <v>0</v>
      </c>
      <c r="I55" s="9">
        <v>60.830000000000005</v>
      </c>
      <c r="J55" s="9">
        <v>88.850000000000009</v>
      </c>
    </row>
    <row r="56" spans="1:10" ht="18" customHeight="1" x14ac:dyDescent="0.15">
      <c r="A56" s="26" t="s">
        <v>23</v>
      </c>
      <c r="B56" s="41" t="s">
        <v>71</v>
      </c>
      <c r="C56" s="31" t="s">
        <v>72</v>
      </c>
      <c r="D56" s="53">
        <v>8712.5700000000015</v>
      </c>
      <c r="E56" s="54">
        <v>8672.09</v>
      </c>
      <c r="F56" s="6">
        <v>3.57</v>
      </c>
      <c r="G56" s="6">
        <v>16.510000000000002</v>
      </c>
      <c r="H56" s="6">
        <v>7.24</v>
      </c>
      <c r="I56" s="6">
        <v>33.24</v>
      </c>
      <c r="J56" s="6">
        <v>60.56</v>
      </c>
    </row>
    <row r="57" spans="1:10" ht="18" customHeight="1" x14ac:dyDescent="0.15">
      <c r="A57" s="26" t="s">
        <v>23</v>
      </c>
      <c r="B57" s="33" t="s">
        <v>71</v>
      </c>
      <c r="C57" s="33" t="s">
        <v>73</v>
      </c>
      <c r="D57" s="53">
        <v>7819.8000000000011</v>
      </c>
      <c r="E57" s="54">
        <v>7818.2</v>
      </c>
      <c r="F57" s="6">
        <v>0</v>
      </c>
      <c r="G57" s="6">
        <v>0</v>
      </c>
      <c r="H57" s="6">
        <v>0</v>
      </c>
      <c r="I57" s="6">
        <v>1.6</v>
      </c>
      <c r="J57" s="6">
        <v>1.6</v>
      </c>
    </row>
    <row r="58" spans="1:10" ht="18" customHeight="1" x14ac:dyDescent="0.15">
      <c r="A58" s="26" t="s">
        <v>23</v>
      </c>
      <c r="B58" s="33" t="s">
        <v>71</v>
      </c>
      <c r="C58" s="33" t="s">
        <v>74</v>
      </c>
      <c r="D58" s="53">
        <v>9109.9599999999991</v>
      </c>
      <c r="E58" s="54">
        <v>9109.9599999999991</v>
      </c>
      <c r="F58" s="6">
        <v>0</v>
      </c>
      <c r="G58" s="6">
        <v>0</v>
      </c>
      <c r="H58" s="6">
        <v>0</v>
      </c>
      <c r="I58" s="6">
        <v>0</v>
      </c>
      <c r="J58" s="6">
        <v>0</v>
      </c>
    </row>
    <row r="59" spans="1:10" ht="18" customHeight="1" x14ac:dyDescent="0.15">
      <c r="A59" s="26" t="s">
        <v>23</v>
      </c>
      <c r="B59" s="33" t="s">
        <v>71</v>
      </c>
      <c r="C59" s="33" t="s">
        <v>75</v>
      </c>
      <c r="D59" s="53">
        <v>4366.42</v>
      </c>
      <c r="E59" s="54">
        <v>4366.42</v>
      </c>
      <c r="F59" s="6">
        <v>0</v>
      </c>
      <c r="G59" s="6">
        <v>0</v>
      </c>
      <c r="H59" s="6">
        <v>0</v>
      </c>
      <c r="I59" s="6">
        <v>0</v>
      </c>
      <c r="J59" s="6">
        <v>0</v>
      </c>
    </row>
    <row r="60" spans="1:10" ht="18" customHeight="1" x14ac:dyDescent="0.15">
      <c r="A60" s="26" t="s">
        <v>23</v>
      </c>
      <c r="B60" s="33" t="s">
        <v>71</v>
      </c>
      <c r="C60" s="33" t="s">
        <v>76</v>
      </c>
      <c r="D60" s="53">
        <v>1239.8699999999997</v>
      </c>
      <c r="E60" s="54">
        <v>1234.8599999999999</v>
      </c>
      <c r="F60" s="6">
        <v>0</v>
      </c>
      <c r="G60" s="6">
        <v>2.72</v>
      </c>
      <c r="H60" s="6">
        <v>2.29</v>
      </c>
      <c r="I60" s="6">
        <v>0</v>
      </c>
      <c r="J60" s="6">
        <v>5.01</v>
      </c>
    </row>
    <row r="61" spans="1:10" ht="18" customHeight="1" x14ac:dyDescent="0.15">
      <c r="A61" s="26" t="s">
        <v>23</v>
      </c>
      <c r="B61" s="33" t="s">
        <v>71</v>
      </c>
      <c r="C61" s="33" t="s">
        <v>77</v>
      </c>
      <c r="D61" s="53">
        <v>2841.3999999999996</v>
      </c>
      <c r="E61" s="54">
        <v>2815.33</v>
      </c>
      <c r="F61" s="6">
        <v>0</v>
      </c>
      <c r="G61" s="6">
        <v>18.399999999999999</v>
      </c>
      <c r="H61" s="6">
        <v>1.87</v>
      </c>
      <c r="I61" s="6">
        <v>26.07</v>
      </c>
      <c r="J61" s="6">
        <v>46.34</v>
      </c>
    </row>
    <row r="62" spans="1:10" ht="18" customHeight="1" x14ac:dyDescent="0.15">
      <c r="A62" s="26" t="s">
        <v>23</v>
      </c>
      <c r="B62" s="33" t="s">
        <v>71</v>
      </c>
      <c r="C62" s="33" t="s">
        <v>78</v>
      </c>
      <c r="D62" s="53">
        <v>2014.8999999999999</v>
      </c>
      <c r="E62" s="54">
        <v>2013.92</v>
      </c>
      <c r="F62" s="6">
        <v>0</v>
      </c>
      <c r="G62" s="6">
        <v>0.98</v>
      </c>
      <c r="H62" s="6">
        <v>0</v>
      </c>
      <c r="I62" s="6">
        <v>0</v>
      </c>
      <c r="J62" s="6">
        <v>0.98</v>
      </c>
    </row>
    <row r="63" spans="1:10" ht="18" customHeight="1" x14ac:dyDescent="0.15">
      <c r="A63" s="26" t="s">
        <v>23</v>
      </c>
      <c r="B63" s="33" t="s">
        <v>71</v>
      </c>
      <c r="C63" s="36" t="s">
        <v>5</v>
      </c>
      <c r="D63" s="65">
        <v>36104.92</v>
      </c>
      <c r="E63" s="62">
        <v>36030.78</v>
      </c>
      <c r="F63" s="10">
        <v>3.57</v>
      </c>
      <c r="G63" s="10">
        <v>38.609999999999992</v>
      </c>
      <c r="H63" s="10">
        <v>11.400000000000002</v>
      </c>
      <c r="I63" s="10">
        <v>60.910000000000004</v>
      </c>
      <c r="J63" s="10">
        <v>114.49000000000001</v>
      </c>
    </row>
    <row r="64" spans="1:10" ht="18" customHeight="1" x14ac:dyDescent="0.15">
      <c r="A64" s="26" t="s">
        <v>23</v>
      </c>
      <c r="B64" s="27" t="s">
        <v>3</v>
      </c>
      <c r="C64" s="27" t="s">
        <v>3</v>
      </c>
      <c r="D64" s="65">
        <v>183718.19</v>
      </c>
      <c r="E64" s="62">
        <v>183532.79999999999</v>
      </c>
      <c r="F64" s="10">
        <v>923.56</v>
      </c>
      <c r="G64" s="10">
        <v>39.139999999999993</v>
      </c>
      <c r="H64" s="10">
        <v>26.380000000000003</v>
      </c>
      <c r="I64" s="10">
        <v>167.82</v>
      </c>
      <c r="J64" s="73">
        <v>1156.9000000000001</v>
      </c>
    </row>
    <row r="65" spans="1:10" ht="18" customHeight="1" x14ac:dyDescent="0.15">
      <c r="A65" s="29" t="s">
        <v>24</v>
      </c>
      <c r="B65" s="31" t="s">
        <v>79</v>
      </c>
      <c r="C65" s="31" t="s">
        <v>80</v>
      </c>
      <c r="D65" s="53">
        <v>10130.69</v>
      </c>
      <c r="E65" s="54">
        <v>10066.69</v>
      </c>
      <c r="F65" s="6">
        <v>2.52</v>
      </c>
      <c r="G65" s="6">
        <v>0</v>
      </c>
      <c r="H65" s="6">
        <v>8.6199999999999992</v>
      </c>
      <c r="I65" s="6">
        <v>64</v>
      </c>
      <c r="J65" s="6">
        <v>75.14</v>
      </c>
    </row>
    <row r="66" spans="1:10" ht="18" customHeight="1" x14ac:dyDescent="0.15">
      <c r="A66" s="29" t="s">
        <v>24</v>
      </c>
      <c r="B66" s="33" t="s">
        <v>79</v>
      </c>
      <c r="C66" s="33" t="s">
        <v>81</v>
      </c>
      <c r="D66" s="53">
        <v>1755.3399999999997</v>
      </c>
      <c r="E66" s="54">
        <v>1698.01</v>
      </c>
      <c r="F66" s="6">
        <v>30.7</v>
      </c>
      <c r="G66" s="6">
        <v>26.56</v>
      </c>
      <c r="H66" s="6">
        <v>3.47</v>
      </c>
      <c r="I66" s="6">
        <v>56.35</v>
      </c>
      <c r="J66" s="6">
        <v>117.08</v>
      </c>
    </row>
    <row r="67" spans="1:10" ht="18" customHeight="1" x14ac:dyDescent="0.15">
      <c r="A67" s="29" t="s">
        <v>24</v>
      </c>
      <c r="B67" s="33" t="s">
        <v>79</v>
      </c>
      <c r="C67" s="33" t="s">
        <v>82</v>
      </c>
      <c r="D67" s="53">
        <v>4563.6099999999997</v>
      </c>
      <c r="E67" s="54">
        <v>4560.05</v>
      </c>
      <c r="F67" s="6">
        <v>0</v>
      </c>
      <c r="G67" s="6">
        <v>7.0000000000000007E-2</v>
      </c>
      <c r="H67" s="6">
        <v>0</v>
      </c>
      <c r="I67" s="6">
        <v>3.49</v>
      </c>
      <c r="J67" s="6">
        <v>3.56</v>
      </c>
    </row>
    <row r="68" spans="1:10" ht="18" customHeight="1" x14ac:dyDescent="0.15">
      <c r="A68" s="29" t="s">
        <v>24</v>
      </c>
      <c r="B68" s="33" t="s">
        <v>79</v>
      </c>
      <c r="C68" s="33" t="s">
        <v>83</v>
      </c>
      <c r="D68" s="53">
        <v>4431.88</v>
      </c>
      <c r="E68" s="54">
        <v>4392.07</v>
      </c>
      <c r="F68" s="6">
        <v>0</v>
      </c>
      <c r="G68" s="6">
        <v>0</v>
      </c>
      <c r="H68" s="6">
        <v>0</v>
      </c>
      <c r="I68" s="6">
        <v>39.81</v>
      </c>
      <c r="J68" s="6">
        <v>39.81</v>
      </c>
    </row>
    <row r="69" spans="1:10" ht="18" customHeight="1" x14ac:dyDescent="0.15">
      <c r="A69" s="29" t="s">
        <v>24</v>
      </c>
      <c r="B69" s="33" t="s">
        <v>79</v>
      </c>
      <c r="C69" s="36" t="s">
        <v>5</v>
      </c>
      <c r="D69" s="53">
        <v>20881.52</v>
      </c>
      <c r="E69" s="54">
        <v>20716.82</v>
      </c>
      <c r="F69" s="6">
        <v>33.22</v>
      </c>
      <c r="G69" s="6">
        <v>26.63</v>
      </c>
      <c r="H69" s="6">
        <v>12.09</v>
      </c>
      <c r="I69" s="6">
        <v>163.64999999999998</v>
      </c>
      <c r="J69" s="6">
        <v>235.59</v>
      </c>
    </row>
    <row r="70" spans="1:10" ht="18" customHeight="1" x14ac:dyDescent="0.15">
      <c r="A70" s="29" t="s">
        <v>24</v>
      </c>
      <c r="B70" s="42" t="s">
        <v>84</v>
      </c>
      <c r="C70" s="42" t="s">
        <v>85</v>
      </c>
      <c r="D70" s="67">
        <v>2566.1800000000003</v>
      </c>
      <c r="E70" s="68">
        <v>2557.77</v>
      </c>
      <c r="F70" s="12">
        <v>0</v>
      </c>
      <c r="G70" s="12">
        <v>0</v>
      </c>
      <c r="H70" s="12">
        <v>4.1900000000000004</v>
      </c>
      <c r="I70" s="12">
        <v>8.41</v>
      </c>
      <c r="J70" s="12">
        <v>12.600000000000001</v>
      </c>
    </row>
    <row r="71" spans="1:10" ht="18" customHeight="1" x14ac:dyDescent="0.15">
      <c r="A71" s="29" t="s">
        <v>24</v>
      </c>
      <c r="B71" s="33" t="s">
        <v>86</v>
      </c>
      <c r="C71" s="33" t="s">
        <v>18</v>
      </c>
      <c r="D71" s="67">
        <v>4945.2999999999993</v>
      </c>
      <c r="E71" s="68">
        <v>4539.66</v>
      </c>
      <c r="F71" s="12">
        <v>0.62</v>
      </c>
      <c r="G71" s="12">
        <v>0</v>
      </c>
      <c r="H71" s="12">
        <v>2.44</v>
      </c>
      <c r="I71" s="12">
        <v>405.02</v>
      </c>
      <c r="J71" s="12">
        <v>408.08</v>
      </c>
    </row>
    <row r="72" spans="1:10" ht="18" customHeight="1" x14ac:dyDescent="0.15">
      <c r="A72" s="29" t="s">
        <v>24</v>
      </c>
      <c r="B72" s="43" t="s">
        <v>87</v>
      </c>
      <c r="C72" s="43" t="s">
        <v>88</v>
      </c>
      <c r="D72" s="69">
        <v>1107.0499999999997</v>
      </c>
      <c r="E72" s="70">
        <v>1010.1</v>
      </c>
      <c r="F72" s="13">
        <v>0</v>
      </c>
      <c r="G72" s="13">
        <v>0</v>
      </c>
      <c r="H72" s="13">
        <v>28.68</v>
      </c>
      <c r="I72" s="13">
        <v>96.95</v>
      </c>
      <c r="J72" s="13">
        <v>125.63</v>
      </c>
    </row>
    <row r="73" spans="1:10" ht="18" customHeight="1" x14ac:dyDescent="0.15">
      <c r="A73" s="29" t="s">
        <v>24</v>
      </c>
      <c r="B73" s="44" t="s">
        <v>5</v>
      </c>
      <c r="C73" s="44" t="s">
        <v>5</v>
      </c>
      <c r="D73" s="61">
        <v>29500.05</v>
      </c>
      <c r="E73" s="62">
        <v>28824.35</v>
      </c>
      <c r="F73" s="10">
        <v>33.839999999999996</v>
      </c>
      <c r="G73" s="10">
        <v>26.63</v>
      </c>
      <c r="H73" s="10">
        <v>47.400000000000006</v>
      </c>
      <c r="I73" s="10">
        <v>674.03</v>
      </c>
      <c r="J73" s="10">
        <v>781.9</v>
      </c>
    </row>
    <row r="74" spans="1:10" ht="18" customHeight="1" x14ac:dyDescent="0.15">
      <c r="A74" s="29" t="s">
        <v>25</v>
      </c>
      <c r="B74" s="31" t="s">
        <v>89</v>
      </c>
      <c r="C74" s="31" t="s">
        <v>90</v>
      </c>
      <c r="D74" s="53">
        <v>22401.31</v>
      </c>
      <c r="E74" s="54">
        <v>22376.17</v>
      </c>
      <c r="F74" s="6">
        <v>0</v>
      </c>
      <c r="G74" s="6">
        <v>0</v>
      </c>
      <c r="H74" s="6">
        <v>25.14</v>
      </c>
      <c r="I74" s="6">
        <v>16.14</v>
      </c>
      <c r="J74" s="6">
        <v>41.28</v>
      </c>
    </row>
    <row r="75" spans="1:10" ht="18" customHeight="1" x14ac:dyDescent="0.15">
      <c r="A75" s="29" t="s">
        <v>25</v>
      </c>
      <c r="B75" s="33" t="s">
        <v>89</v>
      </c>
      <c r="C75" s="33" t="s">
        <v>91</v>
      </c>
      <c r="D75" s="53">
        <v>11744.65</v>
      </c>
      <c r="E75" s="54">
        <v>11744.65</v>
      </c>
      <c r="F75" s="6">
        <v>0</v>
      </c>
      <c r="G75" s="6">
        <v>0</v>
      </c>
      <c r="H75" s="6">
        <v>0</v>
      </c>
      <c r="I75" s="6">
        <v>0</v>
      </c>
      <c r="J75" s="6">
        <v>0</v>
      </c>
    </row>
    <row r="76" spans="1:10" ht="18" customHeight="1" x14ac:dyDescent="0.15">
      <c r="A76" s="29" t="s">
        <v>25</v>
      </c>
      <c r="B76" s="33" t="s">
        <v>89</v>
      </c>
      <c r="C76" s="33" t="s">
        <v>92</v>
      </c>
      <c r="D76" s="53">
        <v>26665.25</v>
      </c>
      <c r="E76" s="54">
        <v>26151.62</v>
      </c>
      <c r="F76" s="6">
        <v>496.21</v>
      </c>
      <c r="G76" s="6">
        <v>0.28000000000000003</v>
      </c>
      <c r="H76" s="6">
        <v>0</v>
      </c>
      <c r="I76" s="6">
        <v>487.73</v>
      </c>
      <c r="J76" s="6">
        <v>984.22</v>
      </c>
    </row>
    <row r="77" spans="1:10" ht="18" customHeight="1" x14ac:dyDescent="0.15">
      <c r="A77" s="29" t="s">
        <v>25</v>
      </c>
      <c r="B77" s="33" t="s">
        <v>89</v>
      </c>
      <c r="C77" s="36" t="s">
        <v>5</v>
      </c>
      <c r="D77" s="53">
        <v>60811.21</v>
      </c>
      <c r="E77" s="54">
        <v>60272.44</v>
      </c>
      <c r="F77" s="6">
        <v>496.21</v>
      </c>
      <c r="G77" s="6">
        <v>0.28000000000000003</v>
      </c>
      <c r="H77" s="6">
        <v>25.14</v>
      </c>
      <c r="I77" s="6">
        <v>503.87</v>
      </c>
      <c r="J77" s="74">
        <v>1025.5</v>
      </c>
    </row>
    <row r="78" spans="1:10" ht="18" customHeight="1" x14ac:dyDescent="0.15">
      <c r="A78" s="29" t="s">
        <v>25</v>
      </c>
      <c r="B78" s="32" t="s">
        <v>93</v>
      </c>
      <c r="C78" s="32" t="s">
        <v>7</v>
      </c>
      <c r="D78" s="51">
        <v>12260.219999999998</v>
      </c>
      <c r="E78" s="52">
        <v>12260.22</v>
      </c>
      <c r="F78" s="5">
        <v>0</v>
      </c>
      <c r="G78" s="5">
        <v>0</v>
      </c>
      <c r="H78" s="5">
        <v>0</v>
      </c>
      <c r="I78" s="5">
        <v>0</v>
      </c>
      <c r="J78" s="5">
        <v>0</v>
      </c>
    </row>
    <row r="79" spans="1:10" ht="18" customHeight="1" x14ac:dyDescent="0.15">
      <c r="A79" s="29" t="s">
        <v>25</v>
      </c>
      <c r="B79" s="33" t="s">
        <v>93</v>
      </c>
      <c r="C79" s="33" t="s">
        <v>94</v>
      </c>
      <c r="D79" s="53">
        <v>12079.099999999997</v>
      </c>
      <c r="E79" s="54">
        <v>12079.1</v>
      </c>
      <c r="F79" s="6">
        <v>0</v>
      </c>
      <c r="G79" s="6">
        <v>0</v>
      </c>
      <c r="H79" s="6">
        <v>0</v>
      </c>
      <c r="I79" s="6">
        <v>0</v>
      </c>
      <c r="J79" s="6">
        <v>0</v>
      </c>
    </row>
    <row r="80" spans="1:10" ht="18" customHeight="1" x14ac:dyDescent="0.15">
      <c r="A80" s="29" t="s">
        <v>25</v>
      </c>
      <c r="B80" s="34" t="s">
        <v>93</v>
      </c>
      <c r="C80" s="45" t="s">
        <v>5</v>
      </c>
      <c r="D80" s="55">
        <v>24339.319999999992</v>
      </c>
      <c r="E80" s="56">
        <v>24339.32</v>
      </c>
      <c r="F80" s="7">
        <v>0</v>
      </c>
      <c r="G80" s="7">
        <v>0</v>
      </c>
      <c r="H80" s="7">
        <v>0</v>
      </c>
      <c r="I80" s="7">
        <v>0</v>
      </c>
      <c r="J80" s="7">
        <v>0</v>
      </c>
    </row>
    <row r="81" spans="1:10" ht="18" customHeight="1" x14ac:dyDescent="0.15">
      <c r="A81" s="29" t="s">
        <v>25</v>
      </c>
      <c r="B81" s="32" t="s">
        <v>95</v>
      </c>
      <c r="C81" s="32" t="s">
        <v>96</v>
      </c>
      <c r="D81" s="51">
        <v>8181.1299999999983</v>
      </c>
      <c r="E81" s="52">
        <v>8181.13</v>
      </c>
      <c r="F81" s="5">
        <v>0</v>
      </c>
      <c r="G81" s="5">
        <v>0</v>
      </c>
      <c r="H81" s="5">
        <v>0</v>
      </c>
      <c r="I81" s="5">
        <v>0</v>
      </c>
      <c r="J81" s="5">
        <v>0</v>
      </c>
    </row>
    <row r="82" spans="1:10" ht="18" customHeight="1" x14ac:dyDescent="0.15">
      <c r="A82" s="29" t="s">
        <v>25</v>
      </c>
      <c r="B82" s="33" t="s">
        <v>95</v>
      </c>
      <c r="C82" s="33" t="s">
        <v>19</v>
      </c>
      <c r="D82" s="53">
        <v>15739.149999999998</v>
      </c>
      <c r="E82" s="54">
        <v>15630.5</v>
      </c>
      <c r="F82" s="6">
        <v>93.68</v>
      </c>
      <c r="G82" s="6">
        <v>1.35</v>
      </c>
      <c r="H82" s="6">
        <v>0</v>
      </c>
      <c r="I82" s="6">
        <v>108.65</v>
      </c>
      <c r="J82" s="6">
        <v>203.68</v>
      </c>
    </row>
    <row r="83" spans="1:10" ht="18" customHeight="1" x14ac:dyDescent="0.15">
      <c r="A83" s="29" t="s">
        <v>25</v>
      </c>
      <c r="B83" s="46" t="s">
        <v>95</v>
      </c>
      <c r="C83" s="47" t="s">
        <v>5</v>
      </c>
      <c r="D83" s="53">
        <v>23920.279999999995</v>
      </c>
      <c r="E83" s="54">
        <v>23811.63</v>
      </c>
      <c r="F83" s="6">
        <v>93.68</v>
      </c>
      <c r="G83" s="6">
        <v>1.35</v>
      </c>
      <c r="H83" s="6">
        <v>0</v>
      </c>
      <c r="I83" s="6">
        <v>108.65</v>
      </c>
      <c r="J83" s="6">
        <v>203.68</v>
      </c>
    </row>
    <row r="84" spans="1:10" ht="18" customHeight="1" x14ac:dyDescent="0.15">
      <c r="A84" s="29" t="s">
        <v>25</v>
      </c>
      <c r="B84" s="23" t="s">
        <v>3</v>
      </c>
      <c r="C84" s="28" t="s">
        <v>3</v>
      </c>
      <c r="D84" s="71">
        <v>109070.81</v>
      </c>
      <c r="E84" s="72">
        <v>108423.39</v>
      </c>
      <c r="F84" s="14">
        <v>589.89</v>
      </c>
      <c r="G84" s="14">
        <v>1.6300000000000001</v>
      </c>
      <c r="H84" s="14">
        <v>25.14</v>
      </c>
      <c r="I84" s="14">
        <v>612.52</v>
      </c>
      <c r="J84" s="75">
        <v>1229.18</v>
      </c>
    </row>
    <row r="85" spans="1:10" ht="18" customHeight="1" x14ac:dyDescent="0.15">
      <c r="A85" s="48" t="s">
        <v>97</v>
      </c>
      <c r="B85" s="48" t="s">
        <v>97</v>
      </c>
      <c r="C85" s="23" t="s">
        <v>97</v>
      </c>
      <c r="D85" s="61">
        <v>492239.81</v>
      </c>
      <c r="E85" s="62">
        <v>490640.39999999997</v>
      </c>
      <c r="F85" s="73">
        <v>1576.06</v>
      </c>
      <c r="G85" s="10">
        <v>77.709999999999994</v>
      </c>
      <c r="H85" s="10">
        <v>126.45000000000002</v>
      </c>
      <c r="I85" s="73">
        <v>1528.6</v>
      </c>
      <c r="J85" s="73">
        <v>3308.82</v>
      </c>
    </row>
    <row r="86" spans="1:10" ht="12" x14ac:dyDescent="0.15">
      <c r="B86" s="76"/>
      <c r="C86" s="76"/>
      <c r="D86" s="76"/>
      <c r="E86" s="76"/>
      <c r="F86" s="76"/>
      <c r="G86" s="76"/>
      <c r="H86" s="76"/>
      <c r="I86" s="76"/>
      <c r="J86" s="76"/>
    </row>
    <row r="87" spans="1:10" ht="12" x14ac:dyDescent="0.15">
      <c r="B87" s="76"/>
      <c r="C87" s="76"/>
      <c r="D87" s="76"/>
      <c r="E87" s="76"/>
      <c r="F87" s="76"/>
      <c r="G87" s="76"/>
      <c r="H87" s="76"/>
      <c r="I87" s="76"/>
      <c r="J87" s="76"/>
    </row>
  </sheetData>
  <mergeCells count="2">
    <mergeCell ref="B87:J87"/>
    <mergeCell ref="B86:J86"/>
  </mergeCells>
  <phoneticPr fontId="1"/>
  <pageMargins left="0.78740157480314965" right="0.78740157480314965" top="1.1811023622047245" bottom="0.31496062992125984" header="0.62992125984251968" footer="0.39370078740157483"/>
  <pageSetup paperSize="9" scale="81" fitToHeight="0" orientation="portrait" r:id="rId1"/>
  <headerFooter differentOddEven="1" scaleWithDoc="0">
    <oddHeader>&amp;L&amp;18 16. 島根県機能別施業森林現況表　　　　　　　　　　　　　
　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6(2)</vt:lpstr>
      <vt:lpstr>'16(2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9-08-01T05:13:01Z</cp:lastPrinted>
  <dcterms:created xsi:type="dcterms:W3CDTF">2000-06-30T05:55:38Z</dcterms:created>
  <dcterms:modified xsi:type="dcterms:W3CDTF">2019-08-28T00:55:58Z</dcterms:modified>
</cp:coreProperties>
</file>